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:rsidR="00EC6E6D" w:rsidP="00EC6E6D" w:rsidRDefault="00EC6E6D" w14:paraId="1B11A9F9" w14:textId="77777777">
      <w:pPr>
        <w:ind w:left="426" w:right="-1276"/>
      </w:pPr>
    </w:p>
    <w:p w:rsidR="00EC6E6D" w:rsidP="00EC6E6D" w:rsidRDefault="00EC6E6D" w14:paraId="0FB26DE2" w14:textId="77777777">
      <w:pPr>
        <w:ind w:left="426" w:right="-1276"/>
      </w:pPr>
    </w:p>
    <w:p w:rsidR="00EC6E6D" w:rsidP="00EC6E6D" w:rsidRDefault="00EC6E6D" w14:paraId="4B2E21F6" w14:textId="77777777">
      <w:pPr>
        <w:ind w:left="426" w:right="-1276"/>
      </w:pPr>
    </w:p>
    <w:p w:rsidRPr="00F94A99" w:rsidR="00EC6E6D" w:rsidP="005E4EB6" w:rsidRDefault="00EC6E6D" w14:paraId="43D9B04F" w14:textId="2E348A84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name="site_site_name" w:id="0"/>
      <w:bookmarkEnd w:id="0"/>
      <w:r w:rsidR="00A702B2">
        <w:rPr>
          <w:rFonts w:ascii="Arial" w:hAnsi="Arial" w:cs="Arial"/>
          <w:sz w:val="40"/>
          <w:szCs w:val="40"/>
        </w:rPr>
        <w:t>Vilsen Biler A/S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name="site_site_address" w:id="1"/>
      <w:bookmarkEnd w:id="1"/>
      <w:r w:rsidR="00A702B2">
        <w:rPr>
          <w:rFonts w:ascii="Arial" w:hAnsi="Arial" w:cs="Arial"/>
          <w:sz w:val="40"/>
          <w:szCs w:val="40"/>
        </w:rPr>
        <w:t>Stenholm 3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name="site_postal_codes_id" w:id="2"/>
      <w:bookmarkEnd w:id="2"/>
      <w:r w:rsidR="00A702B2">
        <w:rPr>
          <w:rFonts w:ascii="Arial" w:hAnsi="Arial" w:cs="Arial"/>
          <w:sz w:val="40"/>
          <w:szCs w:val="40"/>
        </w:rPr>
        <w:t>940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name="postal_codes_postal_codes_name" w:id="3"/>
      <w:bookmarkEnd w:id="3"/>
      <w:r w:rsidR="00A702B2">
        <w:rPr>
          <w:rFonts w:ascii="Arial" w:hAnsi="Arial" w:cs="Arial"/>
          <w:sz w:val="40"/>
          <w:szCs w:val="40"/>
        </w:rPr>
        <w:t>Nørresundby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:rsidRPr="00D04F95" w:rsidR="00EC6E6D" w:rsidP="00EC6E6D" w:rsidRDefault="00EC6E6D" w14:paraId="114DADA7" w14:textId="77777777">
      <w:pPr>
        <w:rPr>
          <w:sz w:val="22"/>
        </w:rPr>
      </w:pPr>
    </w:p>
    <w:p w:rsidR="00EC6E6D" w:rsidP="00EC6E6D" w:rsidRDefault="00EC6E6D" w14:paraId="6C0BA92C" w14:textId="77777777">
      <w:pPr>
        <w:ind w:left="851" w:hanging="851"/>
        <w:rPr>
          <w:sz w:val="22"/>
        </w:rPr>
      </w:pPr>
    </w:p>
    <w:p w:rsidRPr="00F94A99" w:rsidR="00EC6E6D" w:rsidP="00EC6E6D" w:rsidRDefault="00EC6E6D" w14:paraId="1665DE18" w14:textId="77777777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:rsidRPr="005D2D5F" w:rsidR="00EC6E6D" w:rsidP="00F94A99" w:rsidRDefault="00EC6E6D" w14:paraId="5D0601C7" w14:textId="77777777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Pr="00245E8B" w:rsidR="00EC6E6D" w:rsidTr="037C79A1" w14:paraId="71B930C0" w14:textId="77777777">
        <w:tc>
          <w:tcPr>
            <w:tcW w:w="2835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  <w:tcMar/>
          </w:tcPr>
          <w:p w:rsidRPr="00245E8B" w:rsidR="00EC6E6D" w:rsidP="00245E8B" w:rsidRDefault="00EC6E6D" w14:paraId="4A7F1EF0" w14:textId="7777777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color="auto" w:sz="4" w:space="0"/>
              <w:right w:val="double" w:color="auto" w:sz="4" w:space="0"/>
            </w:tcBorders>
            <w:tcMar/>
          </w:tcPr>
          <w:p w:rsidRPr="00245E8B" w:rsidR="00EC6E6D" w:rsidP="00F94A99" w:rsidRDefault="00A702B2" w14:paraId="09D2A965" w14:textId="30B2AE24">
            <w:pPr>
              <w:rPr>
                <w:rFonts w:ascii="Arial" w:hAnsi="Arial" w:cs="Arial"/>
                <w:sz w:val="22"/>
                <w:szCs w:val="22"/>
              </w:rPr>
            </w:pPr>
            <w:bookmarkStart w:name="ind_inspec_real_act_date" w:id="4"/>
            <w:bookmarkEnd w:id="4"/>
            <w:r>
              <w:rPr>
                <w:rFonts w:ascii="Arial" w:hAnsi="Arial" w:cs="Arial"/>
                <w:sz w:val="22"/>
                <w:szCs w:val="22"/>
              </w:rPr>
              <w:t>25.03.2019</w:t>
            </w:r>
          </w:p>
        </w:tc>
      </w:tr>
      <w:tr w:rsidRPr="00245E8B" w:rsidR="00EC6E6D" w:rsidTr="037C79A1" w14:paraId="572D638D" w14:textId="77777777">
        <w:trPr>
          <w:trHeight w:val="900"/>
        </w:trPr>
        <w:tc>
          <w:tcPr>
            <w:tcW w:w="2835" w:type="dxa"/>
            <w:tcBorders>
              <w:left w:val="double" w:color="auto" w:sz="4" w:space="0"/>
            </w:tcBorders>
            <w:shd w:val="clear" w:color="auto" w:fill="BFBFBF" w:themeFill="background1" w:themeFillShade="BF"/>
            <w:tcMar/>
          </w:tcPr>
          <w:p w:rsidRPr="00245E8B" w:rsidR="00EC6E6D" w:rsidP="00245E8B" w:rsidRDefault="005405D6" w14:paraId="68902444" w14:textId="7777777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color="auto" w:sz="4" w:space="0"/>
            </w:tcBorders>
            <w:tcMar/>
          </w:tcPr>
          <w:p w:rsidRPr="00245E8B" w:rsidR="00EC6E6D" w:rsidP="00F94A99" w:rsidRDefault="00A702B2" w14:paraId="7CCC41E8" w14:textId="134AC808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name="ind_inspec_types_inspec_type_name" w:id="5"/>
            <w:bookmarkEnd w:id="5"/>
            <w:r>
              <w:rPr>
                <w:rFonts w:ascii="Arial" w:hAnsi="Arial" w:cs="Arial"/>
                <w:sz w:val="22"/>
                <w:szCs w:val="22"/>
              </w:rPr>
              <w:t>§ 9 tilsyn - varslet</w:t>
            </w:r>
          </w:p>
          <w:p w:rsidRPr="00245E8B" w:rsidR="00EC6E6D" w:rsidP="00F94A99" w:rsidRDefault="00EC6E6D" w14:paraId="43094F20" w14:textId="77777777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Pr="00245E8B" w:rsidR="00EC6E6D" w:rsidTr="037C79A1" w14:paraId="15C165A0" w14:textId="77777777">
        <w:tc>
          <w:tcPr>
            <w:tcW w:w="2835" w:type="dxa"/>
            <w:tcBorders>
              <w:left w:val="double" w:color="auto" w:sz="4" w:space="0"/>
            </w:tcBorders>
            <w:shd w:val="clear" w:color="auto" w:fill="BFBFBF" w:themeFill="background1" w:themeFillShade="BF"/>
            <w:tcMar/>
          </w:tcPr>
          <w:p w:rsidRPr="00245E8B" w:rsidR="00EC6E6D" w:rsidP="00245E8B" w:rsidRDefault="00EC6E6D" w14:paraId="03510BC4" w14:textId="7777777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  <w:tcMar/>
          </w:tcPr>
          <w:p w:rsidRPr="00245E8B" w:rsidR="00EC6E6D" w:rsidP="00F94A99" w:rsidRDefault="00A702B2" w14:paraId="573D1520" w14:textId="5896265E">
            <w:pPr>
              <w:rPr>
                <w:rFonts w:ascii="Arial" w:hAnsi="Arial" w:cs="Arial"/>
                <w:sz w:val="22"/>
                <w:szCs w:val="22"/>
              </w:rPr>
            </w:pPr>
            <w:bookmarkStart w:name="ind_industry_telephone" w:id="6"/>
            <w:bookmarkEnd w:id="6"/>
            <w:r>
              <w:rPr>
                <w:rFonts w:ascii="Arial" w:hAnsi="Arial" w:cs="Arial"/>
                <w:sz w:val="22"/>
                <w:szCs w:val="22"/>
              </w:rPr>
              <w:t>98173266</w:t>
            </w:r>
          </w:p>
        </w:tc>
        <w:tc>
          <w:tcPr>
            <w:tcW w:w="1276" w:type="dxa"/>
            <w:shd w:val="clear" w:color="auto" w:fill="BFBFBF" w:themeFill="background1" w:themeFillShade="BF"/>
            <w:tcMar/>
          </w:tcPr>
          <w:p w:rsidRPr="00245E8B" w:rsidR="00EC6E6D" w:rsidP="00245E8B" w:rsidRDefault="00EC6E6D" w14:paraId="5D604BEF" w14:textId="7777777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color="auto" w:sz="4" w:space="0"/>
            </w:tcBorders>
            <w:tcMar/>
          </w:tcPr>
          <w:p w:rsidRPr="00245E8B" w:rsidR="00EC6E6D" w:rsidP="00F94A99" w:rsidRDefault="00A702B2" w14:paraId="524E0277" w14:textId="776A24C1">
            <w:pPr>
              <w:rPr>
                <w:rFonts w:ascii="Arial" w:hAnsi="Arial" w:cs="Arial"/>
                <w:sz w:val="22"/>
                <w:szCs w:val="22"/>
              </w:rPr>
            </w:pPr>
            <w:bookmarkStart w:name="ind_industry_central_company_no" w:id="7"/>
            <w:bookmarkEnd w:id="7"/>
            <w:r>
              <w:rPr>
                <w:rFonts w:ascii="Arial" w:hAnsi="Arial" w:cs="Arial"/>
                <w:sz w:val="22"/>
                <w:szCs w:val="22"/>
              </w:rPr>
              <w:t>30542584</w:t>
            </w:r>
          </w:p>
        </w:tc>
      </w:tr>
      <w:tr w:rsidRPr="00245E8B" w:rsidR="00EC6E6D" w:rsidTr="037C79A1" w14:paraId="41B463E6" w14:textId="77777777">
        <w:tc>
          <w:tcPr>
            <w:tcW w:w="2835" w:type="dxa"/>
            <w:tcBorders>
              <w:left w:val="double" w:color="auto" w:sz="4" w:space="0"/>
              <w:bottom w:val="double" w:color="auto" w:sz="4" w:space="0"/>
            </w:tcBorders>
            <w:shd w:val="clear" w:color="auto" w:fill="BFBFBF" w:themeFill="background1" w:themeFillShade="BF"/>
            <w:tcMar/>
          </w:tcPr>
          <w:p w:rsidRPr="00245E8B" w:rsidR="00EC6E6D" w:rsidP="00245E8B" w:rsidRDefault="00EC6E6D" w14:paraId="37646F29" w14:textId="7777777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color="auto" w:sz="4" w:space="0"/>
            </w:tcBorders>
            <w:tcMar/>
          </w:tcPr>
          <w:p w:rsidRPr="00245E8B" w:rsidR="00EC6E6D" w:rsidP="00F94A99" w:rsidRDefault="00A702B2" w14:paraId="23094F0A" w14:textId="36E89341">
            <w:pPr>
              <w:rPr>
                <w:rFonts w:ascii="Arial" w:hAnsi="Arial" w:cs="Arial"/>
                <w:sz w:val="22"/>
                <w:szCs w:val="22"/>
              </w:rPr>
            </w:pPr>
            <w:bookmarkStart w:name="ind_industry_email" w:id="8"/>
            <w:bookmarkEnd w:id="8"/>
            <w:r>
              <w:rPr>
                <w:rFonts w:ascii="Arial" w:hAnsi="Arial" w:cs="Arial"/>
                <w:sz w:val="22"/>
                <w:szCs w:val="22"/>
              </w:rPr>
              <w:t>peter@vilsen-biler.dk</w:t>
            </w:r>
          </w:p>
        </w:tc>
        <w:tc>
          <w:tcPr>
            <w:tcW w:w="1276" w:type="dxa"/>
            <w:tcBorders>
              <w:bottom w:val="double" w:color="auto" w:sz="4" w:space="0"/>
            </w:tcBorders>
            <w:shd w:val="clear" w:color="auto" w:fill="BFBFBF" w:themeFill="background1" w:themeFillShade="BF"/>
            <w:tcMar/>
          </w:tcPr>
          <w:p w:rsidRPr="00245E8B" w:rsidR="00EC6E6D" w:rsidP="00245E8B" w:rsidRDefault="00EC6E6D" w14:paraId="3729EFA0" w14:textId="77777777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color="auto" w:sz="4" w:space="0"/>
              <w:right w:val="double" w:color="auto" w:sz="4" w:space="0"/>
            </w:tcBorders>
            <w:tcMar/>
          </w:tcPr>
          <w:p w:rsidRPr="00245E8B" w:rsidR="00EC6E6D" w:rsidP="00F94A99" w:rsidRDefault="00A702B2" w14:paraId="5EDAA16B" w14:textId="1365EEDF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name="ind_industry_company_no" w:id="9"/>
            <w:bookmarkEnd w:id="9"/>
            <w:r>
              <w:rPr>
                <w:rFonts w:ascii="Arial" w:hAnsi="Arial" w:cs="Arial"/>
                <w:sz w:val="22"/>
                <w:szCs w:val="22"/>
              </w:rPr>
              <w:t>1014385084</w:t>
            </w:r>
          </w:p>
          <w:p w:rsidRPr="00245E8B" w:rsidR="00EC6E6D" w:rsidP="00F94A99" w:rsidRDefault="00EC6E6D" w14:paraId="046F6CFA" w14:textId="77777777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Pr="00F94A99" w:rsidR="00EC6E6D" w:rsidP="00EC6E6D" w:rsidRDefault="00EC6E6D" w14:paraId="4069476C" w14:textId="77777777">
      <w:pPr>
        <w:ind w:left="851" w:hanging="851"/>
        <w:rPr>
          <w:rFonts w:ascii="Arial" w:hAnsi="Arial" w:cs="Arial"/>
          <w:sz w:val="22"/>
          <w:szCs w:val="22"/>
        </w:rPr>
      </w:pPr>
    </w:p>
    <w:p w:rsidRPr="00F94A99" w:rsidR="00EC6E6D" w:rsidP="00EC6E6D" w:rsidRDefault="00EC6E6D" w14:paraId="21E5BE0C" w14:textId="77777777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Pr="00F94A99" w:rsidR="00EC6E6D" w:rsidTr="00F94A99" w14:paraId="735E1C5B" w14:textId="77777777">
        <w:tc>
          <w:tcPr>
            <w:tcW w:w="2835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F94A99" w:rsidR="00EC6E6D" w:rsidP="00F94A99" w:rsidRDefault="00EC6E6D" w14:paraId="05B8949A" w14:textId="77777777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color="auto" w:sz="4" w:space="0"/>
              <w:right w:val="double" w:color="auto" w:sz="4" w:space="0"/>
            </w:tcBorders>
          </w:tcPr>
          <w:p w:rsidRPr="00F94A99" w:rsidR="00EC6E6D" w:rsidP="00F94A99" w:rsidRDefault="00A702B2" w14:paraId="15297AF1" w14:textId="51CF59CB">
            <w:pPr>
              <w:rPr>
                <w:rFonts w:ascii="Arial" w:hAnsi="Arial" w:cs="Arial"/>
                <w:sz w:val="22"/>
                <w:szCs w:val="22"/>
              </w:rPr>
            </w:pPr>
            <w:bookmarkStart w:name="ind_industry_main_type" w:id="10"/>
            <w:bookmarkEnd w:id="10"/>
            <w:r>
              <w:rPr>
                <w:rFonts w:ascii="Arial" w:hAnsi="Arial" w:cs="Arial"/>
                <w:sz w:val="22"/>
                <w:szCs w:val="22"/>
              </w:rPr>
              <w:t>Q01</w:t>
            </w:r>
            <w:r w:rsidRPr="00F94A99" w:rsidR="00EC6E6D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name="ind_indtypes_ind_type_name" w:id="11"/>
            <w:bookmarkEnd w:id="11"/>
            <w:r>
              <w:rPr>
                <w:rFonts w:ascii="Arial" w:hAnsi="Arial" w:cs="Arial"/>
                <w:sz w:val="22"/>
                <w:szCs w:val="22"/>
              </w:rPr>
              <w:t>Autoværksteder (branchebekendtgørelse)</w:t>
            </w:r>
          </w:p>
        </w:tc>
      </w:tr>
      <w:tr w:rsidRPr="00F94A99" w:rsidR="00EC6E6D" w:rsidTr="00F94A99" w14:paraId="2FA160A3" w14:textId="77777777">
        <w:tc>
          <w:tcPr>
            <w:tcW w:w="2835" w:type="dxa"/>
            <w:tcBorders>
              <w:left w:val="double" w:color="auto" w:sz="4" w:space="0"/>
            </w:tcBorders>
            <w:shd w:val="clear" w:color="auto" w:fill="BFBFBF" w:themeFill="background1" w:themeFillShade="BF"/>
          </w:tcPr>
          <w:p w:rsidRPr="00F94A99" w:rsidR="00EC6E6D" w:rsidP="00F94A99" w:rsidRDefault="00EC6E6D" w14:paraId="7C72C0B9" w14:textId="77777777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color="auto" w:sz="4" w:space="0"/>
            </w:tcBorders>
          </w:tcPr>
          <w:p w:rsidRPr="00F94A99" w:rsidR="00EC6E6D" w:rsidP="00F94A99" w:rsidRDefault="00EC6E6D" w14:paraId="5958682D" w14:textId="77777777">
            <w:pPr>
              <w:rPr>
                <w:rFonts w:ascii="Arial" w:hAnsi="Arial" w:cs="Arial"/>
                <w:sz w:val="22"/>
                <w:szCs w:val="22"/>
              </w:rPr>
            </w:pPr>
            <w:bookmarkStart w:name="miljoegodkend" w:id="12"/>
            <w:bookmarkStart w:name="ind_industry_approval" w:id="13"/>
            <w:bookmarkEnd w:id="12"/>
            <w:bookmarkEnd w:id="13"/>
          </w:p>
        </w:tc>
      </w:tr>
      <w:tr w:rsidRPr="00F94A99" w:rsidR="00EC6E6D" w:rsidTr="00F94A99" w14:paraId="368C321A" w14:textId="77777777">
        <w:tc>
          <w:tcPr>
            <w:tcW w:w="2835" w:type="dxa"/>
            <w:tcBorders>
              <w:left w:val="double" w:color="auto" w:sz="4" w:space="0"/>
            </w:tcBorders>
            <w:shd w:val="clear" w:color="auto" w:fill="BFBFBF" w:themeFill="background1" w:themeFillShade="BF"/>
          </w:tcPr>
          <w:p w:rsidRPr="00F94A99" w:rsidR="00EC6E6D" w:rsidP="00F94A99" w:rsidRDefault="00EC6E6D" w14:paraId="5D052255" w14:textId="7777777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:rsidRPr="00F94A99" w:rsidR="00EC6E6D" w:rsidP="00F94A99" w:rsidRDefault="00EC6E6D" w14:paraId="2902FDE8" w14:textId="77777777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color="auto" w:sz="4" w:space="0"/>
            </w:tcBorders>
          </w:tcPr>
          <w:p w:rsidRPr="00F94A99" w:rsidR="00EC6E6D" w:rsidP="00F94A99" w:rsidRDefault="00EC6E6D" w14:paraId="72D37DC0" w14:textId="77777777">
            <w:pPr>
              <w:rPr>
                <w:rFonts w:ascii="Arial" w:hAnsi="Arial" w:cs="Arial"/>
                <w:sz w:val="22"/>
                <w:szCs w:val="22"/>
              </w:rPr>
            </w:pPr>
            <w:bookmarkStart w:name="ind_industry_ww_approval" w:id="14"/>
            <w:bookmarkEnd w:id="14"/>
          </w:p>
        </w:tc>
      </w:tr>
    </w:tbl>
    <w:p w:rsidRPr="00F94A99" w:rsidR="00EC6E6D" w:rsidP="00EC6E6D" w:rsidRDefault="00EC6E6D" w14:paraId="3B6AD2F5" w14:textId="77777777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:rsidRPr="00F94A99" w:rsidR="00EC6E6D" w:rsidP="00EC6E6D" w:rsidRDefault="00EC6E6D" w14:paraId="0C2BCDBC" w14:textId="77777777">
      <w:pPr>
        <w:ind w:left="426" w:hanging="851"/>
        <w:rPr>
          <w:rFonts w:ascii="Arial" w:hAnsi="Arial" w:cs="Arial"/>
          <w:sz w:val="22"/>
          <w:szCs w:val="22"/>
        </w:rPr>
      </w:pPr>
    </w:p>
    <w:p w:rsidRPr="00F94A99" w:rsidR="00EC6E6D" w:rsidP="00EC6E6D" w:rsidRDefault="00EC6E6D" w14:paraId="078058C7" w14:textId="77777777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name="_Toc54669301" w:id="15"/>
    </w:p>
    <w:p w:rsidRPr="005D2D5F" w:rsidR="00EC6E6D" w:rsidP="00EC6E6D" w:rsidRDefault="001F7CE1" w14:paraId="61DA759A" w14:textId="77777777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t>Aftaler og h</w:t>
      </w:r>
      <w:r w:rsidRPr="005D2D5F" w:rsidR="00EC6E6D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Pr="005D2D5F" w:rsidR="00EC6E6D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Pr="00F94A99" w:rsidR="004D6D3B" w:rsidTr="008B1F25" w14:paraId="165A93BC" w14:textId="77777777">
        <w:trPr>
          <w:trHeight w:val="548"/>
          <w:tblHeader/>
        </w:trPr>
        <w:tc>
          <w:tcPr>
            <w:tcW w:w="1011" w:type="dxa"/>
            <w:tcBorders>
              <w:top w:val="double" w:color="auto" w:sz="4" w:space="0"/>
              <w:left w:val="double" w:color="auto" w:sz="4" w:space="0"/>
            </w:tcBorders>
            <w:shd w:val="clear" w:color="auto" w:fill="BFBFBF" w:themeFill="background1" w:themeFillShade="BF"/>
          </w:tcPr>
          <w:p w:rsidRPr="005D2D5F" w:rsidR="004D6D3B" w:rsidP="005D2D5F" w:rsidRDefault="004D6D3B" w14:paraId="14DE6E56" w14:textId="77777777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5D2D5F" w:rsidR="004D6D3B" w:rsidP="005D2D5F" w:rsidRDefault="004D6D3B" w14:paraId="343BA778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color="auto" w:sz="4" w:space="0"/>
            </w:tcBorders>
            <w:shd w:val="clear" w:color="auto" w:fill="BFBFBF" w:themeFill="background1" w:themeFillShade="BF"/>
          </w:tcPr>
          <w:p w:rsidRPr="005D2D5F" w:rsidR="004D6D3B" w:rsidP="005D2D5F" w:rsidRDefault="004D6D3B" w14:paraId="6F947258" w14:textId="77777777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color="auto" w:sz="4" w:space="0"/>
              <w:right w:val="double" w:color="auto" w:sz="4" w:space="0"/>
            </w:tcBorders>
            <w:shd w:val="clear" w:color="auto" w:fill="BFBFBF" w:themeFill="background1" w:themeFillShade="BF"/>
          </w:tcPr>
          <w:p w:rsidRPr="005D2D5F" w:rsidR="004D6D3B" w:rsidP="005D2D5F" w:rsidRDefault="004D6D3B" w14:paraId="2CF38C50" w14:textId="77777777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Pr="00F94A99" w:rsidR="004D6D3B" w:rsidTr="008B1F25" w14:paraId="448A7FC8" w14:textId="77777777">
        <w:trPr>
          <w:trHeight w:val="69"/>
        </w:trPr>
        <w:tc>
          <w:tcPr>
            <w:tcW w:w="1011" w:type="dxa"/>
            <w:tcBorders>
              <w:left w:val="double" w:color="auto" w:sz="4" w:space="0"/>
            </w:tcBorders>
          </w:tcPr>
          <w:p w:rsidRPr="00B93A39" w:rsidR="004D6D3B" w:rsidP="005D2D5F" w:rsidRDefault="00A702B2" w14:paraId="2BE24F64" w14:textId="467A57E6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enforce_enforce_date" w:id="16"/>
            <w:bookmarkEnd w:id="16"/>
            <w:r>
              <w:rPr>
                <w:rFonts w:ascii="Arial" w:hAnsi="Arial" w:cs="Arial"/>
                <w:sz w:val="20"/>
                <w:szCs w:val="20"/>
              </w:rPr>
              <w:t>15-03-2019</w:t>
            </w:r>
          </w:p>
        </w:tc>
        <w:tc>
          <w:tcPr>
            <w:tcW w:w="1134" w:type="dxa"/>
          </w:tcPr>
          <w:p w:rsidRPr="00B93A39" w:rsidR="004D6D3B" w:rsidP="005D2D5F" w:rsidRDefault="00A702B2" w14:paraId="240C7CBB" w14:textId="5E8AF635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name="ind_enforce_types_enforce_type_name" w:id="17"/>
            <w:bookmarkStart w:name="ind_enforce_enforce_date_2" w:id="18"/>
            <w:bookmarkEnd w:id="17"/>
            <w:bookmarkEnd w:id="18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:rsidRPr="00B93A39" w:rsidR="004D6D3B" w:rsidP="005D2D5F" w:rsidRDefault="00A702B2" w14:paraId="0E19DDC4" w14:textId="14143F6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ind_enforce_enforce_date_3" w:id="19"/>
            <w:bookmarkEnd w:id="19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color="auto" w:sz="4" w:space="0"/>
            </w:tcBorders>
          </w:tcPr>
          <w:p w:rsidRPr="00B93A39" w:rsidR="004D6D3B" w:rsidP="005D2D5F" w:rsidRDefault="00A702B2" w14:paraId="115D54CA" w14:textId="67D1E8D9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ind_enforce_comments" w:id="20"/>
            <w:bookmarkStart w:name="ind_enforce_enforce_date_4" w:id="21"/>
            <w:bookmarkEnd w:id="20"/>
            <w:bookmarkEnd w:id="21"/>
            <w:r>
              <w:rPr>
                <w:rFonts w:ascii="Arial" w:hAnsi="Arial" w:cs="Arial"/>
                <w:sz w:val="20"/>
                <w:szCs w:val="20"/>
              </w:rPr>
              <w:t xml:space="preserve">Det forefindes ikke dokumentation for a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edløp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ed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spildolietank  er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tilsluttet kloak via olieudskiller, og det blev aftalt at virksomheden fremsende tilfredsstillende dokumentation for dette. </w:t>
            </w:r>
          </w:p>
        </w:tc>
      </w:tr>
      <w:tr w:rsidRPr="00F94A99" w:rsidR="004D6D3B" w:rsidTr="008B1F25" w14:paraId="465F4E07" w14:textId="77777777">
        <w:trPr>
          <w:trHeight w:val="69"/>
        </w:trPr>
        <w:tc>
          <w:tcPr>
            <w:tcW w:w="1011" w:type="dxa"/>
            <w:tcBorders>
              <w:left w:val="double" w:color="auto" w:sz="4" w:space="0"/>
              <w:bottom w:val="double" w:color="auto" w:sz="4" w:space="0"/>
            </w:tcBorders>
          </w:tcPr>
          <w:p w:rsidRPr="00CE67CB" w:rsidR="004D6D3B" w:rsidP="005D2D5F" w:rsidRDefault="004D6D3B" w14:paraId="1054F08E" w14:textId="77777777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bottom w:val="double" w:color="auto" w:sz="4" w:space="0"/>
            </w:tcBorders>
          </w:tcPr>
          <w:p w:rsidRPr="00CE67CB" w:rsidR="004D6D3B" w:rsidP="005D2D5F" w:rsidRDefault="004D6D3B" w14:paraId="259D2359" w14:textId="77777777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7" w:type="dxa"/>
            <w:tcBorders>
              <w:bottom w:val="double" w:color="auto" w:sz="4" w:space="0"/>
            </w:tcBorders>
          </w:tcPr>
          <w:p w:rsidRPr="00CE67CB" w:rsidR="004D6D3B" w:rsidP="005D2D5F" w:rsidRDefault="004D6D3B" w14:paraId="1861C3CF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94" w:type="dxa"/>
            <w:tcBorders>
              <w:bottom w:val="double" w:color="auto" w:sz="4" w:space="0"/>
              <w:right w:val="double" w:color="auto" w:sz="4" w:space="0"/>
            </w:tcBorders>
          </w:tcPr>
          <w:p w:rsidRPr="00CE67CB" w:rsidR="004D6D3B" w:rsidP="005D2D5F" w:rsidRDefault="004D6D3B" w14:paraId="79A191B2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5D2D5F" w:rsidR="00EC6E6D" w:rsidP="00EC6E6D" w:rsidRDefault="00EC6E6D" w14:paraId="51413FD4" w14:textId="77777777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Pr="00F94A99" w:rsidR="00EC6E6D" w:rsidTr="00F94A99" w14:paraId="136656CB" w14:textId="77777777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color="auto" w:sz="4" w:space="0"/>
              <w:left w:val="double" w:color="auto" w:sz="4" w:space="0"/>
              <w:right w:val="double" w:color="auto" w:sz="4" w:space="0"/>
            </w:tcBorders>
            <w:shd w:val="pct25" w:color="auto" w:fill="FFFFFF"/>
          </w:tcPr>
          <w:p w:rsidRPr="005D2D5F" w:rsidR="00EC6E6D" w:rsidP="005D2D5F" w:rsidRDefault="00EC6E6D" w14:paraId="4F3A8753" w14:textId="77777777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Pr="00F94A99" w:rsidR="00EC6E6D" w:rsidTr="00F94A99" w14:paraId="5408BBAE" w14:textId="77777777">
        <w:trPr>
          <w:trHeight w:val="567"/>
        </w:trPr>
        <w:tc>
          <w:tcPr>
            <w:tcW w:w="9355" w:type="dxa"/>
            <w:gridSpan w:val="5"/>
            <w:tcBorders>
              <w:left w:val="double" w:color="auto" w:sz="4" w:space="0"/>
              <w:bottom w:val="double" w:color="auto" w:sz="4" w:space="0"/>
              <w:right w:val="double" w:color="auto" w:sz="4" w:space="0"/>
            </w:tcBorders>
            <w:shd w:val="clear" w:color="auto" w:fill="auto"/>
          </w:tcPr>
          <w:p w:rsidR="00A702B2" w:rsidP="005D2D5F" w:rsidRDefault="00A702B2" w14:paraId="6190A9B0" w14:textId="77777777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name="ind_descr_product_descr_process" w:id="22"/>
            <w:bookmarkEnd w:id="22"/>
            <w:r>
              <w:rPr>
                <w:rFonts w:ascii="Arial" w:hAnsi="Arial" w:cs="Arial"/>
                <w:sz w:val="20"/>
                <w:szCs w:val="20"/>
              </w:rPr>
              <w:t xml:space="preserve">Autoreparation - og mindre karosseriarbejde samt salg og klargøring af biler. Indendørs vaskeplads. Værksted - ca. 630 kvm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k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orkontor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olilett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frokoststue mv. Udstilling og klargøring ca. 500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kvm,  vaskeplads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ca. 30 kvm. </w:t>
            </w:r>
          </w:p>
          <w:p w:rsidR="00A702B2" w:rsidP="005D2D5F" w:rsidRDefault="00A702B2" w14:paraId="4D6759DB" w14:textId="77777777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                     </w:t>
            </w:r>
          </w:p>
          <w:p w:rsidR="00A702B2" w:rsidP="005D2D5F" w:rsidRDefault="00A702B2" w14:paraId="66BAF56D" w14:textId="77777777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riftstider </w:t>
            </w:r>
          </w:p>
          <w:p w:rsidR="00A702B2" w:rsidP="005D2D5F" w:rsidRDefault="00A702B2" w14:paraId="49287323" w14:textId="77777777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værksted hverdage 07.00-16.00</w:t>
            </w:r>
          </w:p>
          <w:p w:rsidR="00A702B2" w:rsidP="005D2D5F" w:rsidRDefault="00A702B2" w14:paraId="3B9D745F" w14:textId="77777777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salg hverdage 08.00-17.00 og søndag 13.00-16.00</w:t>
            </w:r>
          </w:p>
          <w:p w:rsidRPr="00B93A39" w:rsidR="00EC6E6D" w:rsidP="005D2D5F" w:rsidRDefault="00EC6E6D" w14:paraId="581C62D7" w14:textId="2FD5E420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Pr="00F94A99" w:rsidR="00EC6E6D" w:rsidTr="00F94A99" w14:paraId="2A4E284A" w14:textId="77777777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color="auto" w:sz="4" w:space="0"/>
              <w:left w:val="doub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6E14D96D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:rsidRPr="005D2D5F" w:rsidR="00EC6E6D" w:rsidP="005D2D5F" w:rsidRDefault="00EC6E6D" w14:paraId="30E614EC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</w:tcBorders>
            <w:shd w:val="pct25" w:color="auto" w:fill="FFFFFF"/>
          </w:tcPr>
          <w:p w:rsidRPr="005D2D5F" w:rsidR="00EC6E6D" w:rsidP="005D2D5F" w:rsidRDefault="00EC6E6D" w14:paraId="05BD71FD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  <w:shd w:val="pct25" w:color="auto" w:fill="FFFFFF"/>
          </w:tcPr>
          <w:p w:rsidRPr="005D2D5F" w:rsidR="00EC6E6D" w:rsidP="005D2D5F" w:rsidRDefault="00EC6E6D" w14:paraId="4FCA98A1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Pr="00F94A99" w:rsidR="00EC6E6D" w:rsidTr="00F94A99" w14:paraId="7F247DB2" w14:textId="77777777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Pr="005D2D5F" w:rsidR="00EC6E6D" w:rsidP="005D2D5F" w:rsidRDefault="00EC6E6D" w14:paraId="136C6385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color="auto" w:sz="4" w:space="0"/>
              <w:bottom w:val="single" w:color="auto" w:sz="4" w:space="0"/>
            </w:tcBorders>
          </w:tcPr>
          <w:p w:rsidRPr="005D2D5F" w:rsidR="00EC6E6D" w:rsidP="005D2D5F" w:rsidRDefault="00EC6E6D" w14:paraId="4032A77A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724FDC11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7CBA75D4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  <w:shd w:val="pct25" w:color="auto" w:fill="FFFFFF"/>
          </w:tcPr>
          <w:p w:rsidRPr="005D2D5F" w:rsidR="00EC6E6D" w:rsidP="005D2D5F" w:rsidRDefault="00EC6E6D" w14:paraId="18473763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Pr="005D2D5F" w:rsidR="00EC6E6D" w:rsidTr="00F94A99" w14:paraId="57693961" w14:textId="77777777">
        <w:trPr>
          <w:cantSplit/>
          <w:trHeight w:val="109"/>
        </w:trPr>
        <w:tc>
          <w:tcPr>
            <w:tcW w:w="1862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35F7005D" w14:textId="77777777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descr_product_product_area" w:id="23"/>
            <w:bookmarkEnd w:id="23"/>
          </w:p>
        </w:tc>
        <w:tc>
          <w:tcPr>
            <w:tcW w:w="2201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</w:tcBorders>
          </w:tcPr>
          <w:p w:rsidRPr="005D2D5F" w:rsidR="00EC6E6D" w:rsidP="005D2D5F" w:rsidRDefault="00A702B2" w14:paraId="5FD5BC6F" w14:textId="488994B6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descr_product_employee_prod" w:id="24"/>
            <w:bookmarkEnd w:id="24"/>
            <w:r>
              <w:rPr>
                <w:rFonts w:ascii="Arial" w:hAnsi="Arial" w:cs="Arial"/>
                <w:sz w:val="20"/>
                <w:szCs w:val="20"/>
              </w:rPr>
              <w:t>10</w:t>
            </w:r>
          </w:p>
        </w:tc>
        <w:tc>
          <w:tcPr>
            <w:tcW w:w="1524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A702B2" w14:paraId="25AAE78F" w14:textId="0F3AA5B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descr_product_operating_time" w:id="25"/>
            <w:bookmarkEnd w:id="25"/>
            <w:r>
              <w:rPr>
                <w:rFonts w:ascii="Arial" w:hAnsi="Arial" w:cs="Arial"/>
                <w:sz w:val="20"/>
                <w:szCs w:val="20"/>
              </w:rPr>
              <w:t>7:00-16:00</w:t>
            </w:r>
          </w:p>
        </w:tc>
        <w:tc>
          <w:tcPr>
            <w:tcW w:w="1523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28822EBE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descr_product_operating_time_sat" w:id="26"/>
            <w:bookmarkEnd w:id="26"/>
          </w:p>
        </w:tc>
        <w:tc>
          <w:tcPr>
            <w:tcW w:w="2245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double" w:color="auto" w:sz="4" w:space="0"/>
            </w:tcBorders>
          </w:tcPr>
          <w:p w:rsidRPr="005D2D5F" w:rsidR="00EC6E6D" w:rsidP="005D2D5F" w:rsidRDefault="00EC6E6D" w14:paraId="2548080A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descr_product_operating_time_sun" w:id="27"/>
            <w:bookmarkEnd w:id="27"/>
          </w:p>
        </w:tc>
      </w:tr>
      <w:tr w:rsidRPr="005D2D5F" w:rsidR="00EC6E6D" w:rsidTr="00F94A99" w14:paraId="32429E05" w14:textId="77777777">
        <w:trPr>
          <w:cantSplit/>
          <w:trHeight w:val="229"/>
        </w:trPr>
        <w:tc>
          <w:tcPr>
            <w:tcW w:w="1862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7ACB1E98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color="auto" w:sz="4" w:space="0"/>
              <w:lef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5D619DAF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04EB3525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  <w:shd w:val="pct25" w:color="auto" w:fill="FFFFFF"/>
          </w:tcPr>
          <w:p w:rsidRPr="005D2D5F" w:rsidR="00EC6E6D" w:rsidP="005D2D5F" w:rsidRDefault="00EC6E6D" w14:paraId="4E627580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Pr="005D2D5F" w:rsidR="00EC6E6D" w:rsidTr="00F94A99" w14:paraId="403320BA" w14:textId="77777777">
        <w:trPr>
          <w:cantSplit/>
          <w:trHeight w:val="109"/>
        </w:trPr>
        <w:tc>
          <w:tcPr>
            <w:tcW w:w="1862" w:type="dxa"/>
            <w:tcBorders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40B4FC95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color="auto" w:sz="4" w:space="0"/>
              <w:bottom w:val="double" w:color="auto" w:sz="4" w:space="0"/>
            </w:tcBorders>
          </w:tcPr>
          <w:p w:rsidRPr="005D2D5F" w:rsidR="00EC6E6D" w:rsidP="005D2D5F" w:rsidRDefault="00EC6E6D" w14:paraId="7A4AC701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env_control_code_env_control_name" w:id="28"/>
            <w:bookmarkEnd w:id="28"/>
          </w:p>
        </w:tc>
        <w:tc>
          <w:tcPr>
            <w:tcW w:w="3047" w:type="dxa"/>
            <w:gridSpan w:val="2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21C15A44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double" w:color="auto" w:sz="4" w:space="0"/>
            </w:tcBorders>
          </w:tcPr>
          <w:p w:rsidRPr="005D2D5F" w:rsidR="00EC6E6D" w:rsidP="005D2D5F" w:rsidRDefault="00EC6E6D" w14:paraId="11B0A192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5D2D5F" w:rsidR="00EC6E6D" w:rsidP="00EC6E6D" w:rsidRDefault="00EC6E6D" w14:paraId="047B4C60" w14:textId="77777777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name="_Toc54669303" w:id="29"/>
      <w:r w:rsidRPr="005D2D5F">
        <w:rPr>
          <w:rFonts w:ascii="Arial" w:hAnsi="Arial" w:cs="Arial"/>
          <w:sz w:val="28"/>
          <w:szCs w:val="28"/>
        </w:rPr>
        <w:t>Luftemissioner</w:t>
      </w:r>
      <w:bookmarkEnd w:id="29"/>
    </w:p>
    <w:tbl>
      <w:tblPr>
        <w:tblW w:w="0" w:type="auto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Pr="00F94A99" w:rsidR="00EC6E6D" w:rsidTr="00F94A99" w14:paraId="4BF678A0" w14:textId="77777777">
        <w:trPr>
          <w:cantSplit/>
          <w:trHeight w:val="284"/>
        </w:trPr>
        <w:tc>
          <w:tcPr>
            <w:tcW w:w="708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092DB953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3A2B4C57" w14:textId="77777777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2A1C7F5F" w14:textId="77777777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224F2A38" w14:textId="77777777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  <w:shd w:val="pct25" w:color="auto" w:fill="FFFFFF"/>
          </w:tcPr>
          <w:p w:rsidRPr="005D2D5F" w:rsidR="00EC6E6D" w:rsidP="005D2D5F" w:rsidRDefault="00EC6E6D" w14:paraId="52135D7D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Pr="005D2D5F" w:rsidR="00EC6E6D" w:rsidTr="00A702B2" w14:paraId="773E89DD" w14:textId="77777777">
        <w:trPr>
          <w:cantSplit/>
          <w:trHeight w:val="108"/>
        </w:trPr>
        <w:tc>
          <w:tcPr>
            <w:tcW w:w="708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5D2D5F" w:rsidR="00EC6E6D" w:rsidP="005D2D5F" w:rsidRDefault="00A702B2" w14:paraId="497E6166" w14:textId="626C8193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X2" w:id="30"/>
            <w:bookmarkEnd w:id="30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5D2D5F" w:rsidR="00EC6E6D" w:rsidP="005D2D5F" w:rsidRDefault="00A702B2" w14:paraId="106B66A4" w14:textId="77B3CF79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X2_2" w:id="31"/>
            <w:bookmarkEnd w:id="31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2693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5D2D5F" w:rsidR="00EC6E6D" w:rsidP="005D2D5F" w:rsidRDefault="00A702B2" w14:paraId="034D5A3A" w14:textId="482B4473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X2_3" w:id="32"/>
            <w:bookmarkEnd w:id="32"/>
            <w:r>
              <w:rPr>
                <w:rFonts w:ascii="Arial" w:hAnsi="Arial" w:cs="Arial"/>
                <w:sz w:val="20"/>
                <w:szCs w:val="20"/>
              </w:rPr>
              <w:t>Udstødningsgas</w:t>
            </w:r>
          </w:p>
        </w:tc>
        <w:tc>
          <w:tcPr>
            <w:tcW w:w="993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5D2D5F" w:rsidR="00EC6E6D" w:rsidP="005D2D5F" w:rsidRDefault="00EC6E6D" w14:paraId="498B22D6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X2_4" w:id="33"/>
            <w:bookmarkEnd w:id="33"/>
          </w:p>
        </w:tc>
        <w:tc>
          <w:tcPr>
            <w:tcW w:w="241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  <w:vAlign w:val="center"/>
          </w:tcPr>
          <w:p w:rsidRPr="005D2D5F" w:rsidR="00EC6E6D" w:rsidP="005D2D5F" w:rsidRDefault="00A702B2" w14:paraId="79C43552" w14:textId="3EEDD468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X2_5" w:id="34"/>
            <w:bookmarkEnd w:id="34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Pr="005D2D5F" w:rsidR="00A702B2" w:rsidTr="00F94A99" w14:paraId="41B38EE0" w14:textId="77777777">
        <w:trPr>
          <w:cantSplit/>
          <w:trHeight w:val="108"/>
        </w:trPr>
        <w:tc>
          <w:tcPr>
            <w:tcW w:w="708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  <w:vAlign w:val="center"/>
          </w:tcPr>
          <w:p w:rsidR="00A702B2" w:rsidP="005D2D5F" w:rsidRDefault="00A702B2" w14:paraId="679E2EEA" w14:textId="207CF022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X2_6" w:id="35"/>
            <w:bookmarkEnd w:id="35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vAlign w:val="center"/>
          </w:tcPr>
          <w:p w:rsidR="00A702B2" w:rsidP="005D2D5F" w:rsidRDefault="00A702B2" w14:paraId="3A7ABE4B" w14:textId="74150A23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X2_7" w:id="36"/>
            <w:bookmarkEnd w:id="36"/>
            <w:r>
              <w:rPr>
                <w:rFonts w:ascii="Arial" w:hAnsi="Arial" w:cs="Arial"/>
                <w:sz w:val="20"/>
                <w:szCs w:val="20"/>
              </w:rPr>
              <w:t>Svejsning - CO2</w:t>
            </w:r>
          </w:p>
        </w:tc>
        <w:tc>
          <w:tcPr>
            <w:tcW w:w="2693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vAlign w:val="center"/>
          </w:tcPr>
          <w:p w:rsidR="00A702B2" w:rsidP="005D2D5F" w:rsidRDefault="00A702B2" w14:paraId="11E323AF" w14:textId="6632CCFC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X2_8" w:id="37"/>
            <w:bookmarkEnd w:id="37"/>
            <w:r>
              <w:rPr>
                <w:rFonts w:ascii="Arial" w:hAnsi="Arial" w:cs="Arial"/>
                <w:sz w:val="20"/>
                <w:szCs w:val="20"/>
              </w:rPr>
              <w:t>Svejserøg</w:t>
            </w:r>
          </w:p>
        </w:tc>
        <w:tc>
          <w:tcPr>
            <w:tcW w:w="993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vAlign w:val="center"/>
          </w:tcPr>
          <w:p w:rsidRPr="005D2D5F" w:rsidR="00A702B2" w:rsidP="005D2D5F" w:rsidRDefault="00A702B2" w14:paraId="51DC9B48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X2_9" w:id="38"/>
            <w:bookmarkEnd w:id="38"/>
          </w:p>
        </w:tc>
        <w:tc>
          <w:tcPr>
            <w:tcW w:w="2410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double" w:color="auto" w:sz="4" w:space="0"/>
            </w:tcBorders>
            <w:vAlign w:val="center"/>
          </w:tcPr>
          <w:p w:rsidR="00A702B2" w:rsidP="005D2D5F" w:rsidRDefault="00A702B2" w14:paraId="173E0787" w14:textId="45EECB85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X2_10" w:id="39"/>
            <w:bookmarkEnd w:id="39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</w:tbl>
    <w:p w:rsidRPr="00F94A99" w:rsidR="00EC6E6D" w:rsidP="00EC6E6D" w:rsidRDefault="00EC6E6D" w14:paraId="353BE5E3" w14:textId="77777777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Pr="005D2D5F" w:rsidR="00EC6E6D" w:rsidTr="00F94A99" w14:paraId="0BB625AB" w14:textId="77777777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color="auto" w:sz="4" w:space="0"/>
              <w:left w:val="doub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55EF0004" w14:textId="77777777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4CE08F64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5DE9C56B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6C478EC2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103C901B" w14:textId="77777777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:rsidRPr="005D2D5F" w:rsidR="00EC6E6D" w:rsidP="005D2D5F" w:rsidRDefault="00EC6E6D" w14:paraId="7E711760" w14:textId="77777777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double" w:color="auto" w:sz="4" w:space="0"/>
            </w:tcBorders>
            <w:shd w:val="pct25" w:color="auto" w:fill="FFFFFF"/>
          </w:tcPr>
          <w:p w:rsidRPr="005D2D5F" w:rsidR="00EC6E6D" w:rsidP="005D2D5F" w:rsidRDefault="00EC6E6D" w14:paraId="539AA739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:rsidRPr="005D2D5F" w:rsidR="00EC6E6D" w:rsidP="005D2D5F" w:rsidRDefault="00EC6E6D" w14:paraId="6F0E1E87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Pr="005D2D5F" w:rsidR="00EC6E6D" w:rsidTr="00F94A99" w14:paraId="2A8726FE" w14:textId="77777777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Pr="005D2D5F" w:rsidR="00EC6E6D" w:rsidP="005D2D5F" w:rsidRDefault="00EC6E6D" w14:paraId="65CFD814" w14:textId="77777777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71A151A0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54C56993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34700F62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4A0AFA6B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5D2D5F" w:rsidR="00EC6E6D" w:rsidP="005D2D5F" w:rsidRDefault="00EC6E6D" w14:paraId="2235B037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5D2D5F" w:rsidR="00EC6E6D" w:rsidP="005D2D5F" w:rsidRDefault="00EC6E6D" w14:paraId="00B6038E" w14:textId="77777777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Pr="005D2D5F" w:rsidR="00EC6E6D" w:rsidP="005D2D5F" w:rsidRDefault="00EC6E6D" w14:paraId="61B2FC55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Pr="005D2D5F" w:rsidR="00EC6E6D" w:rsidTr="00A702B2" w14:paraId="3A1B266E" w14:textId="77777777">
        <w:trPr>
          <w:cantSplit/>
          <w:trHeight w:val="108"/>
        </w:trPr>
        <w:tc>
          <w:tcPr>
            <w:tcW w:w="708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EC6E6D" w:rsidP="005D2D5F" w:rsidRDefault="00A702B2" w14:paraId="1DEFA29C" w14:textId="5E09C5A4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" w:id="40"/>
            <w:bookmarkEnd w:id="40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EC6E6D" w:rsidP="005D2D5F" w:rsidRDefault="00EC6E6D" w14:paraId="0D3E0754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2" w:id="41"/>
            <w:bookmarkEnd w:id="41"/>
          </w:p>
        </w:tc>
        <w:tc>
          <w:tcPr>
            <w:tcW w:w="992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EC6E6D" w:rsidP="005D2D5F" w:rsidRDefault="00A702B2" w14:paraId="1FABCE06" w14:textId="37F01A3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3" w:id="42"/>
            <w:bookmarkEnd w:id="42"/>
            <w:r>
              <w:rPr>
                <w:rFonts w:ascii="Arial" w:hAnsi="Arial" w:cs="Arial"/>
                <w:sz w:val="20"/>
                <w:szCs w:val="20"/>
              </w:rPr>
              <w:t>2,0</w:t>
            </w:r>
          </w:p>
        </w:tc>
        <w:tc>
          <w:tcPr>
            <w:tcW w:w="992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EC6E6D" w:rsidP="005D2D5F" w:rsidRDefault="00EC6E6D" w14:paraId="1D0B91FA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4" w:id="43"/>
            <w:bookmarkEnd w:id="43"/>
          </w:p>
        </w:tc>
        <w:tc>
          <w:tcPr>
            <w:tcW w:w="113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EC6E6D" w:rsidP="005D2D5F" w:rsidRDefault="00EC6E6D" w14:paraId="5FEBD678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5" w:id="44"/>
            <w:bookmarkEnd w:id="44"/>
          </w:p>
        </w:tc>
        <w:tc>
          <w:tcPr>
            <w:tcW w:w="141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EC6E6D" w:rsidP="005D2D5F" w:rsidRDefault="00EC6E6D" w14:paraId="758FB1B3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6" w:id="45"/>
            <w:bookmarkEnd w:id="45"/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EC6E6D" w:rsidP="005D2D5F" w:rsidRDefault="00EC6E6D" w14:paraId="24A126C0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7" w:id="46"/>
            <w:bookmarkEnd w:id="46"/>
          </w:p>
        </w:tc>
        <w:tc>
          <w:tcPr>
            <w:tcW w:w="1418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  <w:shd w:val="clear" w:color="auto" w:fill="auto"/>
            <w:vAlign w:val="center"/>
          </w:tcPr>
          <w:p w:rsidRPr="005D2D5F" w:rsidR="00EC6E6D" w:rsidP="005D2D5F" w:rsidRDefault="00EC6E6D" w14:paraId="55585E01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8" w:id="47"/>
            <w:bookmarkEnd w:id="47"/>
          </w:p>
        </w:tc>
      </w:tr>
      <w:tr w:rsidRPr="005D2D5F" w:rsidR="00A702B2" w:rsidTr="00F94A99" w14:paraId="1F485E11" w14:textId="77777777">
        <w:trPr>
          <w:cantSplit/>
          <w:trHeight w:val="108"/>
        </w:trPr>
        <w:tc>
          <w:tcPr>
            <w:tcW w:w="708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="00A702B2" w:rsidP="005D2D5F" w:rsidRDefault="00A702B2" w14:paraId="6ED4B491" w14:textId="364D6B6C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9" w:id="48"/>
            <w:bookmarkEnd w:id="48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A702B2" w:rsidP="005D2D5F" w:rsidRDefault="00A702B2" w14:paraId="71202206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10" w:id="49"/>
            <w:bookmarkEnd w:id="49"/>
          </w:p>
        </w:tc>
        <w:tc>
          <w:tcPr>
            <w:tcW w:w="992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="00A702B2" w:rsidP="005D2D5F" w:rsidRDefault="00A702B2" w14:paraId="78C62A0D" w14:textId="531EDF62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11" w:id="50"/>
            <w:bookmarkEnd w:id="50"/>
            <w:r>
              <w:rPr>
                <w:rFonts w:ascii="Arial" w:hAnsi="Arial" w:cs="Arial"/>
                <w:sz w:val="20"/>
                <w:szCs w:val="20"/>
              </w:rPr>
              <w:t>2,0</w:t>
            </w:r>
          </w:p>
        </w:tc>
        <w:tc>
          <w:tcPr>
            <w:tcW w:w="992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A702B2" w:rsidP="005D2D5F" w:rsidRDefault="00A702B2" w14:paraId="654827E3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12" w:id="51"/>
            <w:bookmarkEnd w:id="51"/>
          </w:p>
        </w:tc>
        <w:tc>
          <w:tcPr>
            <w:tcW w:w="1135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A702B2" w:rsidP="005D2D5F" w:rsidRDefault="00A702B2" w14:paraId="1C2F105A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13" w:id="52"/>
            <w:bookmarkEnd w:id="52"/>
          </w:p>
        </w:tc>
        <w:tc>
          <w:tcPr>
            <w:tcW w:w="1417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A702B2" w:rsidP="005D2D5F" w:rsidRDefault="00A702B2" w14:paraId="5492FADA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14" w:id="53"/>
            <w:bookmarkEnd w:id="53"/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A702B2" w:rsidP="005D2D5F" w:rsidRDefault="00A702B2" w14:paraId="25AE52D7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air_emis_source_source_id_15" w:id="54"/>
            <w:bookmarkEnd w:id="54"/>
          </w:p>
        </w:tc>
        <w:tc>
          <w:tcPr>
            <w:tcW w:w="1418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double" w:color="auto" w:sz="4" w:space="0"/>
            </w:tcBorders>
            <w:shd w:val="clear" w:color="auto" w:fill="auto"/>
            <w:vAlign w:val="center"/>
          </w:tcPr>
          <w:p w:rsidRPr="005D2D5F" w:rsidR="00A702B2" w:rsidP="005D2D5F" w:rsidRDefault="00A702B2" w14:paraId="2BACCD2F" w14:textId="77777777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F94A99" w:rsidR="00EC6E6D" w:rsidP="00EC6E6D" w:rsidRDefault="00EC6E6D" w14:paraId="3E9E0A2D" w14:textId="77777777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Pr="005D2D5F" w:rsidR="00EC6E6D" w:rsidTr="00F94A99" w14:paraId="254E8B3A" w14:textId="77777777">
        <w:trPr>
          <w:cantSplit/>
          <w:trHeight w:val="284"/>
        </w:trPr>
        <w:tc>
          <w:tcPr>
            <w:tcW w:w="9355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double" w:color="000000" w:sz="4" w:space="0"/>
            </w:tcBorders>
            <w:shd w:val="pct25" w:color="auto" w:fill="FFFFFF"/>
            <w:vAlign w:val="center"/>
          </w:tcPr>
          <w:p w:rsidRPr="005D2D5F" w:rsidR="00EC6E6D" w:rsidP="005D2D5F" w:rsidRDefault="00EC6E6D" w14:paraId="4FF92D60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Pr="005D2D5F" w:rsidR="00EC6E6D" w:rsidTr="00F94A99" w14:paraId="1D174BDE" w14:textId="77777777">
        <w:trPr>
          <w:cantSplit/>
          <w:trHeight w:val="113"/>
        </w:trPr>
        <w:tc>
          <w:tcPr>
            <w:tcW w:w="9355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double" w:color="000000" w:sz="4" w:space="0"/>
            </w:tcBorders>
            <w:vAlign w:val="center"/>
          </w:tcPr>
          <w:p w:rsidRPr="005D2D5F" w:rsidR="00EC6E6D" w:rsidP="005D2D5F" w:rsidRDefault="00A702B2" w14:paraId="513FF142" w14:textId="688E8D40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name="ind_energy_types_energy_type_name" w:id="55"/>
            <w:bookmarkEnd w:id="55"/>
            <w:r>
              <w:rPr>
                <w:rFonts w:ascii="Arial" w:hAnsi="Arial" w:cs="Arial"/>
                <w:sz w:val="20"/>
                <w:szCs w:val="20"/>
              </w:rPr>
              <w:t>Fjernvarme</w:t>
            </w:r>
          </w:p>
        </w:tc>
      </w:tr>
    </w:tbl>
    <w:p w:rsidRPr="00F94A99" w:rsidR="00EC6E6D" w:rsidP="00EC6E6D" w:rsidRDefault="00EC6E6D" w14:paraId="21C643CA" w14:textId="77777777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Pr="005D2D5F" w:rsidR="00EC6E6D" w:rsidTr="00F94A99" w14:paraId="76DE417D" w14:textId="77777777">
        <w:trPr>
          <w:cantSplit/>
          <w:trHeight w:val="284"/>
          <w:tblHeader/>
        </w:trPr>
        <w:tc>
          <w:tcPr>
            <w:tcW w:w="2763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0" w:color="auto" w:fill="FFFFFF"/>
            <w:vAlign w:val="center"/>
          </w:tcPr>
          <w:p w:rsidRPr="005D2D5F" w:rsidR="00EC6E6D" w:rsidP="005D2D5F" w:rsidRDefault="00EC6E6D" w14:paraId="4E236271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color="auto" w:sz="4" w:space="0"/>
              <w:left w:val="nil"/>
              <w:bottom w:val="single" w:color="auto" w:sz="4" w:space="0"/>
              <w:right w:val="double" w:color="auto" w:sz="4" w:space="0"/>
            </w:tcBorders>
            <w:shd w:val="pct20" w:color="auto" w:fill="FFFFFF"/>
            <w:vAlign w:val="center"/>
          </w:tcPr>
          <w:p w:rsidRPr="005D2D5F" w:rsidR="00EC6E6D" w:rsidP="005D2D5F" w:rsidRDefault="00EC6E6D" w14:paraId="3E845C85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Pr="005D2D5F" w:rsidR="00EC6E6D" w:rsidTr="00F94A99" w14:paraId="694B4479" w14:textId="77777777">
        <w:trPr>
          <w:trHeight w:val="567"/>
        </w:trPr>
        <w:tc>
          <w:tcPr>
            <w:tcW w:w="2763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47835D2F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control_items_control_item_name" w:id="56"/>
            <w:bookmarkEnd w:id="56"/>
          </w:p>
        </w:tc>
        <w:tc>
          <w:tcPr>
            <w:tcW w:w="6592" w:type="dxa"/>
            <w:tcBorders>
              <w:top w:val="single" w:color="auto" w:sz="4" w:space="0"/>
              <w:left w:val="nil"/>
              <w:bottom w:val="double" w:color="auto" w:sz="4" w:space="0"/>
              <w:right w:val="double" w:color="auto" w:sz="4" w:space="0"/>
            </w:tcBorders>
          </w:tcPr>
          <w:p w:rsidRPr="005D2D5F" w:rsidR="00EC6E6D" w:rsidP="005D2D5F" w:rsidRDefault="00EC6E6D" w14:paraId="159AA8D2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5D2D5F" w:rsidR="00EC6E6D" w:rsidP="00EC6E6D" w:rsidRDefault="00EC6E6D" w14:paraId="078EBB0A" w14:textId="77777777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name="_Toc54669304" w:id="57"/>
      <w:r w:rsidRPr="005D2D5F">
        <w:rPr>
          <w:rFonts w:ascii="Arial" w:hAnsi="Arial" w:cs="Arial"/>
          <w:sz w:val="28"/>
          <w:szCs w:val="28"/>
        </w:rPr>
        <w:t>Støj</w:t>
      </w:r>
      <w:bookmarkEnd w:id="57"/>
    </w:p>
    <w:tbl>
      <w:tblPr>
        <w:tblW w:w="0" w:type="auto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Pr="005D2D5F" w:rsidR="00EC6E6D" w:rsidTr="00F94A99" w14:paraId="5A21B8D4" w14:textId="77777777">
        <w:trPr>
          <w:cantSplit/>
          <w:trHeight w:val="284"/>
        </w:trPr>
        <w:tc>
          <w:tcPr>
            <w:tcW w:w="425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09AA2363" w14:textId="7777777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5F1C3BA5" w14:textId="77777777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59290900" w14:textId="77777777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  <w:shd w:val="pct25" w:color="auto" w:fill="FFFFFF"/>
          </w:tcPr>
          <w:p w:rsidRPr="005D2D5F" w:rsidR="00EC6E6D" w:rsidP="005D2D5F" w:rsidRDefault="00EC6E6D" w14:paraId="164B1999" w14:textId="77777777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Pr="005D2D5F" w:rsidR="00EC6E6D" w:rsidTr="00F94A99" w14:paraId="143E306F" w14:textId="77777777">
        <w:trPr>
          <w:cantSplit/>
          <w:trHeight w:val="113"/>
        </w:trPr>
        <w:tc>
          <w:tcPr>
            <w:tcW w:w="425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</w:tcPr>
          <w:p w:rsidRPr="005D2D5F" w:rsidR="00EC6E6D" w:rsidP="005D2D5F" w:rsidRDefault="00A702B2" w14:paraId="5ABC8A56" w14:textId="1AB49BDD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noise_noise_id" w:id="58"/>
            <w:bookmarkEnd w:id="58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693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</w:tcPr>
          <w:p w:rsidRPr="005D2D5F" w:rsidR="00EC6E6D" w:rsidP="005D2D5F" w:rsidRDefault="00A702B2" w14:paraId="0E13DF9C" w14:textId="1DCC1BF8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ind_noise_noise_id_2" w:id="59"/>
            <w:bookmarkEnd w:id="59"/>
            <w:r>
              <w:rPr>
                <w:rFonts w:ascii="Arial" w:hAnsi="Arial" w:cs="Arial"/>
                <w:sz w:val="20"/>
                <w:szCs w:val="20"/>
              </w:rPr>
              <w:t>Kompressor</w:t>
            </w:r>
          </w:p>
        </w:tc>
        <w:tc>
          <w:tcPr>
            <w:tcW w:w="1701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</w:tcPr>
          <w:p w:rsidRPr="005D2D5F" w:rsidR="00EC6E6D" w:rsidP="005D2D5F" w:rsidRDefault="00EC6E6D" w14:paraId="2B761966" w14:textId="77777777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noise_noise_id_3" w:id="60"/>
            <w:bookmarkEnd w:id="60"/>
          </w:p>
        </w:tc>
        <w:tc>
          <w:tcPr>
            <w:tcW w:w="4536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double" w:color="auto" w:sz="4" w:space="0"/>
            </w:tcBorders>
            <w:shd w:val="clear" w:color="auto" w:fill="auto"/>
          </w:tcPr>
          <w:p w:rsidRPr="005D2D5F" w:rsidR="00EC6E6D" w:rsidP="005D2D5F" w:rsidRDefault="00A702B2" w14:paraId="6CB91A98" w14:textId="3A59B2CA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ind_noise_noise_id_4" w:id="61"/>
            <w:bookmarkEnd w:id="61"/>
            <w:r>
              <w:rPr>
                <w:rFonts w:ascii="Arial" w:hAnsi="Arial" w:cs="Arial"/>
                <w:sz w:val="20"/>
                <w:szCs w:val="20"/>
              </w:rPr>
              <w:t>Lyddæmpende kasse</w:t>
            </w:r>
          </w:p>
        </w:tc>
      </w:tr>
    </w:tbl>
    <w:p w:rsidRPr="00F94A99" w:rsidR="00EC6E6D" w:rsidP="00EC6E6D" w:rsidRDefault="00EC6E6D" w14:paraId="30D4C580" w14:textId="77777777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Pr="005D2D5F" w:rsidR="00EC6E6D" w:rsidTr="00F94A99" w14:paraId="1BA2FFDF" w14:textId="77777777">
        <w:trPr>
          <w:cantSplit/>
          <w:trHeight w:val="284"/>
          <w:tblHeader/>
        </w:trPr>
        <w:tc>
          <w:tcPr>
            <w:tcW w:w="2763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0" w:color="auto" w:fill="FFFFFF"/>
          </w:tcPr>
          <w:p w:rsidRPr="005D2D5F" w:rsidR="00EC6E6D" w:rsidP="005D2D5F" w:rsidRDefault="00EC6E6D" w14:paraId="6DA99BA9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color="auto" w:sz="4" w:space="0"/>
              <w:left w:val="nil"/>
              <w:bottom w:val="single" w:color="auto" w:sz="4" w:space="0"/>
              <w:right w:val="double" w:color="auto" w:sz="4" w:space="0"/>
            </w:tcBorders>
            <w:shd w:val="pct20" w:color="auto" w:fill="FFFFFF"/>
          </w:tcPr>
          <w:p w:rsidRPr="005D2D5F" w:rsidR="00EC6E6D" w:rsidP="005D2D5F" w:rsidRDefault="00EC6E6D" w14:paraId="1EC58C45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Pr="005D2D5F" w:rsidR="00EC6E6D" w:rsidTr="00F94A99" w14:paraId="07CB38DB" w14:textId="77777777">
        <w:trPr>
          <w:trHeight w:val="567"/>
        </w:trPr>
        <w:tc>
          <w:tcPr>
            <w:tcW w:w="2763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573EC874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control_items_control_item_nameX2" w:id="62"/>
            <w:bookmarkEnd w:id="62"/>
          </w:p>
        </w:tc>
        <w:tc>
          <w:tcPr>
            <w:tcW w:w="6592" w:type="dxa"/>
            <w:tcBorders>
              <w:top w:val="single" w:color="auto" w:sz="4" w:space="0"/>
              <w:left w:val="nil"/>
              <w:bottom w:val="double" w:color="auto" w:sz="4" w:space="0"/>
              <w:right w:val="double" w:color="auto" w:sz="4" w:space="0"/>
            </w:tcBorders>
          </w:tcPr>
          <w:p w:rsidRPr="005D2D5F" w:rsidR="00EC6E6D" w:rsidP="005D2D5F" w:rsidRDefault="00EC6E6D" w14:paraId="1E9CFE0F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5D2D5F" w:rsidR="00EC6E6D" w:rsidP="00EC6E6D" w:rsidRDefault="00EC6E6D" w14:paraId="1A50CDE7" w14:textId="77777777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Pr="005D2D5F" w:rsidR="00EC6E6D" w:rsidTr="001F7CE1" w14:paraId="549D4EEC" w14:textId="77777777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28F7CE11" w14:textId="77777777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clear" w:color="auto" w:fill="C0C0C0"/>
          </w:tcPr>
          <w:p w:rsidRPr="005D2D5F" w:rsidR="00EC6E6D" w:rsidP="005D2D5F" w:rsidRDefault="00EC6E6D" w14:paraId="45A93007" w14:textId="77777777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C0C0C0"/>
          </w:tcPr>
          <w:p w:rsidRPr="005D2D5F" w:rsidR="00EC6E6D" w:rsidP="005D2D5F" w:rsidRDefault="00EC6E6D" w14:paraId="06A44BD2" w14:textId="77777777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67FD7182" w14:textId="77777777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  <w:shd w:val="pct25" w:color="auto" w:fill="FFFFFF"/>
          </w:tcPr>
          <w:p w:rsidRPr="005D2D5F" w:rsidR="00EC6E6D" w:rsidP="005D2D5F" w:rsidRDefault="00EC6E6D" w14:paraId="00F8673D" w14:textId="77777777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Pr="005D2D5F" w:rsidR="00EC6E6D" w:rsidTr="001F7CE1" w14:paraId="1E53001E" w14:textId="77777777">
        <w:trPr>
          <w:cantSplit/>
          <w:trHeight w:val="287"/>
        </w:trPr>
        <w:tc>
          <w:tcPr>
            <w:tcW w:w="567" w:type="dxa"/>
            <w:vMerge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Pr="005D2D5F" w:rsidR="00EC6E6D" w:rsidP="005D2D5F" w:rsidRDefault="00EC6E6D" w14:paraId="31E9A3AE" w14:textId="77777777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color="auto" w:sz="4" w:space="0"/>
              <w:bottom w:val="nil"/>
              <w:right w:val="single" w:color="auto" w:sz="4" w:space="0"/>
            </w:tcBorders>
          </w:tcPr>
          <w:p w:rsidRPr="005D2D5F" w:rsidR="00EC6E6D" w:rsidP="005D2D5F" w:rsidRDefault="00EC6E6D" w14:paraId="6B391763" w14:textId="77777777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5D2D5F" w:rsidR="00EC6E6D" w:rsidP="005D2D5F" w:rsidRDefault="00EC6E6D" w14:paraId="08430E41" w14:textId="77777777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0F868CA3" w14:textId="77777777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:rsidRPr="005D2D5F" w:rsidR="00EC6E6D" w:rsidP="005D2D5F" w:rsidRDefault="00EC6E6D" w14:paraId="37CE0575" w14:textId="77777777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C0C0C0"/>
          </w:tcPr>
          <w:p w:rsidRPr="005D2D5F" w:rsidR="00EC6E6D" w:rsidP="005D2D5F" w:rsidRDefault="00EC6E6D" w14:paraId="75B434D7" w14:textId="77777777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clear" w:color="auto" w:fill="C0C0C0"/>
          </w:tcPr>
          <w:p w:rsidRPr="005D2D5F" w:rsidR="00EC6E6D" w:rsidP="005D2D5F" w:rsidRDefault="00EC6E6D" w14:paraId="1D5C060E" w14:textId="77777777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Pr="005D2D5F" w:rsidR="00EC6E6D" w:rsidP="005D2D5F" w:rsidRDefault="00EC6E6D" w14:paraId="6E611AEE" w14:textId="77777777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Pr="005D2D5F" w:rsidR="00EC6E6D" w:rsidTr="001F7CE1" w14:paraId="12431A1A" w14:textId="77777777">
        <w:trPr>
          <w:cantSplit/>
          <w:trHeight w:val="113"/>
        </w:trPr>
        <w:tc>
          <w:tcPr>
            <w:tcW w:w="567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713848DA" w14:textId="77777777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w_water_amount_permission_id" w:id="63"/>
            <w:bookmarkEnd w:id="63"/>
          </w:p>
        </w:tc>
        <w:tc>
          <w:tcPr>
            <w:tcW w:w="425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174FB7C0" w14:textId="77777777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68491198" w14:textId="77777777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5634F40C" w14:textId="77777777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4883458D" w14:textId="77777777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6F102037" w14:textId="77777777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double" w:color="auto" w:sz="4" w:space="0"/>
            </w:tcBorders>
          </w:tcPr>
          <w:p w:rsidRPr="005D2D5F" w:rsidR="00EC6E6D" w:rsidP="005D2D5F" w:rsidRDefault="00EC6E6D" w14:paraId="58B0D0B2" w14:textId="77777777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F94A99" w:rsidR="00EC6E6D" w:rsidP="00EC6E6D" w:rsidRDefault="00EC6E6D" w14:paraId="334D1E54" w14:textId="77777777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Pr="005D2D5F" w:rsidR="00EC6E6D" w:rsidTr="00245E8B" w14:paraId="6DEFF6B9" w14:textId="77777777">
        <w:trPr>
          <w:cantSplit/>
          <w:trHeight w:val="284"/>
          <w:tblHeader/>
        </w:trPr>
        <w:tc>
          <w:tcPr>
            <w:tcW w:w="2763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0" w:color="auto" w:fill="FFFFFF"/>
          </w:tcPr>
          <w:p w:rsidRPr="005D2D5F" w:rsidR="00EC6E6D" w:rsidP="005D2D5F" w:rsidRDefault="00EC6E6D" w14:paraId="30914FE9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color="auto" w:sz="4" w:space="0"/>
              <w:left w:val="nil"/>
              <w:bottom w:val="single" w:color="auto" w:sz="4" w:space="0"/>
              <w:right w:val="double" w:color="auto" w:sz="4" w:space="0"/>
            </w:tcBorders>
            <w:shd w:val="pct20" w:color="auto" w:fill="FFFFFF"/>
          </w:tcPr>
          <w:p w:rsidRPr="005D2D5F" w:rsidR="00EC6E6D" w:rsidP="005D2D5F" w:rsidRDefault="00EC6E6D" w14:paraId="51B37DDA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Pr="005D2D5F" w:rsidR="00EC6E6D" w:rsidTr="00245E8B" w14:paraId="09D9010B" w14:textId="77777777">
        <w:trPr>
          <w:trHeight w:val="567"/>
        </w:trPr>
        <w:tc>
          <w:tcPr>
            <w:tcW w:w="2763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Pr="005D2D5F" w:rsidR="00EC6E6D" w:rsidP="005D2D5F" w:rsidRDefault="00EC6E6D" w14:paraId="29D911F1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control_items_control_item_nameX3" w:id="64"/>
            <w:bookmarkEnd w:id="64"/>
          </w:p>
        </w:tc>
        <w:tc>
          <w:tcPr>
            <w:tcW w:w="6592" w:type="dxa"/>
            <w:tcBorders>
              <w:top w:val="single" w:color="auto" w:sz="4" w:space="0"/>
              <w:left w:val="nil"/>
              <w:bottom w:val="double" w:color="auto" w:sz="4" w:space="0"/>
              <w:right w:val="double" w:color="auto" w:sz="4" w:space="0"/>
            </w:tcBorders>
          </w:tcPr>
          <w:p w:rsidRPr="005D2D5F" w:rsidR="00EC6E6D" w:rsidP="005D2D5F" w:rsidRDefault="00EC6E6D" w14:paraId="07921269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5D2D5F" w:rsidR="00EC6E6D" w:rsidP="00EC6E6D" w:rsidRDefault="00EC6E6D" w14:paraId="6509ADA1" w14:textId="77777777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name="_Toc54669306" w:id="65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65"/>
    </w:p>
    <w:tbl>
      <w:tblPr>
        <w:tblW w:w="0" w:type="auto"/>
        <w:tblInd w:w="496" w:type="dxa"/>
        <w:tblBorders>
          <w:top w:val="double" w:color="auto" w:sz="4" w:space="0"/>
          <w:left w:val="double" w:color="auto" w:sz="4" w:space="0"/>
          <w:bottom w:val="double" w:color="auto" w:sz="4" w:space="0"/>
          <w:right w:val="double" w:color="auto" w:sz="4" w:space="0"/>
          <w:insideH w:val="double" w:color="auto" w:sz="4" w:space="0"/>
          <w:insideV w:val="doub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Pr="005D2D5F" w:rsidR="00EC6E6D" w:rsidTr="00F94A99" w14:paraId="65C2C3D6" w14:textId="77777777">
        <w:trPr>
          <w:cantSplit/>
          <w:trHeight w:val="284"/>
        </w:trPr>
        <w:tc>
          <w:tcPr>
            <w:tcW w:w="425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3F56E0E4" w14:textId="77777777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02FE57C9" w14:textId="77777777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color="auto" w:sz="4" w:space="0"/>
              <w:left w:val="nil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727A5C09" w14:textId="77777777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color="auto" w:sz="4" w:space="0"/>
              <w:left w:val="nil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5B29B0F1" w14:textId="77777777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color="auto" w:sz="4" w:space="0"/>
              <w:left w:val="nil"/>
              <w:bottom w:val="single" w:color="auto" w:sz="4" w:space="0"/>
              <w:right w:val="single" w:color="auto" w:sz="4" w:space="0"/>
            </w:tcBorders>
            <w:shd w:val="pct25" w:color="auto" w:fill="FFFFFF"/>
          </w:tcPr>
          <w:p w:rsidRPr="005D2D5F" w:rsidR="00EC6E6D" w:rsidP="005D2D5F" w:rsidRDefault="00EC6E6D" w14:paraId="6975FF11" w14:textId="77777777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color="auto" w:sz="4" w:space="0"/>
              <w:left w:val="nil"/>
              <w:bottom w:val="single" w:color="auto" w:sz="4" w:space="0"/>
              <w:right w:val="double" w:color="auto" w:sz="4" w:space="0"/>
            </w:tcBorders>
            <w:shd w:val="pct25" w:color="auto" w:fill="FFFFFF"/>
          </w:tcPr>
          <w:p w:rsidRPr="005D2D5F" w:rsidR="00EC6E6D" w:rsidP="005D2D5F" w:rsidRDefault="00EC6E6D" w14:paraId="6EC71021" w14:textId="77777777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Pr="005D2D5F" w:rsidR="00EC6E6D" w:rsidTr="00F94A99" w14:paraId="2CC4D6E4" w14:textId="77777777">
        <w:trPr>
          <w:cantSplit/>
          <w:trHeight w:val="113"/>
        </w:trPr>
        <w:tc>
          <w:tcPr>
            <w:tcW w:w="425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EC6E6D" w:rsidP="005D2D5F" w:rsidRDefault="00EC6E6D" w14:paraId="7BDFE0B3" w14:textId="77777777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w_water_amount_idX2" w:id="66"/>
            <w:bookmarkEnd w:id="66"/>
          </w:p>
        </w:tc>
        <w:tc>
          <w:tcPr>
            <w:tcW w:w="1984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  <w:shd w:val="clear" w:color="auto" w:fill="auto"/>
            <w:vAlign w:val="center"/>
          </w:tcPr>
          <w:p w:rsidRPr="005D2D5F" w:rsidR="00EC6E6D" w:rsidP="005D2D5F" w:rsidRDefault="00EC6E6D" w14:paraId="56BC2BD0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nil"/>
            </w:tcBorders>
            <w:shd w:val="clear" w:color="auto" w:fill="auto"/>
            <w:vAlign w:val="center"/>
          </w:tcPr>
          <w:p w:rsidRPr="005D2D5F" w:rsidR="00EC6E6D" w:rsidP="005D2D5F" w:rsidRDefault="00EC6E6D" w14:paraId="0BE99CEA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nil"/>
            </w:tcBorders>
            <w:shd w:val="clear" w:color="auto" w:fill="auto"/>
            <w:vAlign w:val="center"/>
          </w:tcPr>
          <w:p w:rsidRPr="005D2D5F" w:rsidR="00EC6E6D" w:rsidP="005D2D5F" w:rsidRDefault="00EC6E6D" w14:paraId="1C356206" w14:textId="77777777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nil"/>
            </w:tcBorders>
            <w:shd w:val="clear" w:color="auto" w:fill="auto"/>
            <w:vAlign w:val="center"/>
          </w:tcPr>
          <w:p w:rsidRPr="005D2D5F" w:rsidR="00EC6E6D" w:rsidP="005D2D5F" w:rsidRDefault="00EC6E6D" w14:paraId="46FE4FAE" w14:textId="77777777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double" w:color="auto" w:sz="4" w:space="0"/>
            </w:tcBorders>
            <w:shd w:val="clear" w:color="auto" w:fill="auto"/>
            <w:vAlign w:val="center"/>
          </w:tcPr>
          <w:p w:rsidRPr="005D2D5F" w:rsidR="00EC6E6D" w:rsidP="005D2D5F" w:rsidRDefault="00EC6E6D" w14:paraId="25439556" w14:textId="77777777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F94A99" w:rsidR="00EC6E6D" w:rsidP="00EC6E6D" w:rsidRDefault="00EC6E6D" w14:paraId="1674A9B8" w14:textId="77777777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Pr="00F94A99" w:rsidR="00EC6E6D" w:rsidTr="00F94A99" w14:paraId="2B374D6C" w14:textId="77777777">
        <w:trPr>
          <w:cantSplit/>
          <w:trHeight w:val="284"/>
          <w:tblHeader/>
        </w:trPr>
        <w:tc>
          <w:tcPr>
            <w:tcW w:w="2763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0" w:color="auto" w:fill="FFFFFF"/>
          </w:tcPr>
          <w:p w:rsidRPr="00F94A99" w:rsidR="00EC6E6D" w:rsidP="00245E8B" w:rsidRDefault="00EC6E6D" w14:paraId="149FB6DD" w14:textId="77777777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color="auto" w:sz="4" w:space="0"/>
              <w:left w:val="nil"/>
              <w:bottom w:val="single" w:color="auto" w:sz="4" w:space="0"/>
              <w:right w:val="double" w:color="auto" w:sz="4" w:space="0"/>
            </w:tcBorders>
            <w:shd w:val="pct20" w:color="auto" w:fill="FFFFFF"/>
          </w:tcPr>
          <w:p w:rsidRPr="00F94A99" w:rsidR="00EC6E6D" w:rsidP="00245E8B" w:rsidRDefault="00EC6E6D" w14:paraId="4E36E68B" w14:textId="77777777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Pr="00F94A99" w:rsidR="00EC6E6D" w:rsidTr="00F94A99" w14:paraId="083E0784" w14:textId="77777777">
        <w:trPr>
          <w:trHeight w:val="567"/>
        </w:trPr>
        <w:tc>
          <w:tcPr>
            <w:tcW w:w="2763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Pr="00B93A39" w:rsidR="00EC6E6D" w:rsidP="00245E8B" w:rsidRDefault="00EC6E6D" w14:paraId="03A1E36F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control_items_control_item_nameX4" w:id="67"/>
            <w:bookmarkEnd w:id="67"/>
          </w:p>
        </w:tc>
        <w:tc>
          <w:tcPr>
            <w:tcW w:w="6592" w:type="dxa"/>
            <w:tcBorders>
              <w:top w:val="single" w:color="auto" w:sz="4" w:space="0"/>
              <w:left w:val="nil"/>
              <w:bottom w:val="double" w:color="auto" w:sz="4" w:space="0"/>
              <w:right w:val="double" w:color="auto" w:sz="4" w:space="0"/>
            </w:tcBorders>
          </w:tcPr>
          <w:p w:rsidRPr="00B93A39" w:rsidR="00EC6E6D" w:rsidP="00245E8B" w:rsidRDefault="00EC6E6D" w14:paraId="749EB977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245E8B" w:rsidR="00EC6E6D" w:rsidP="00EC6E6D" w:rsidRDefault="00EC6E6D" w14:paraId="4EB2FB0A" w14:textId="77777777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name="_Toc54669307" w:id="68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68"/>
    </w:p>
    <w:tbl>
      <w:tblPr>
        <w:tblW w:w="9639" w:type="dxa"/>
        <w:tblInd w:w="496" w:type="dxa"/>
        <w:tblBorders>
          <w:top w:val="double" w:color="auto" w:sz="4" w:space="0"/>
          <w:left w:val="double" w:color="auto" w:sz="4" w:space="0"/>
          <w:bottom w:val="double" w:color="auto" w:sz="4" w:space="0"/>
          <w:right w:val="doub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Pr="00A1310D" w:rsidR="00984737" w:rsidTr="00433E90" w14:paraId="3784D86C" w14:textId="77777777">
        <w:trPr>
          <w:cantSplit/>
          <w:trHeight w:val="288"/>
        </w:trPr>
        <w:tc>
          <w:tcPr>
            <w:tcW w:w="340" w:type="dxa"/>
            <w:shd w:val="pct25" w:color="auto" w:fill="FFFFFF"/>
          </w:tcPr>
          <w:p w:rsidRPr="00A1310D" w:rsidR="00984737" w:rsidP="00245E8B" w:rsidRDefault="00984737" w14:paraId="43558F4A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:rsidRPr="00A1310D" w:rsidR="00984737" w:rsidP="00245E8B" w:rsidRDefault="00984737" w14:paraId="4466EFDC" w14:textId="77777777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:rsidRPr="00A1310D" w:rsidR="00984737" w:rsidP="00433E90" w:rsidRDefault="00433E90" w14:paraId="3C0CACEE" w14:textId="77777777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:rsidRPr="00A1310D" w:rsidR="00984737" w:rsidP="00245E8B" w:rsidRDefault="00433E90" w14:paraId="4D52F06A" w14:textId="77777777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:rsidRPr="00A1310D" w:rsidR="00984737" w:rsidP="00245E8B" w:rsidRDefault="00433E90" w14:paraId="01DDF711" w14:textId="77777777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:rsidRPr="00A1310D" w:rsidR="00984737" w:rsidP="00984737" w:rsidRDefault="00984737" w14:paraId="3B5BF183" w14:textId="7777777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:rsidRPr="00A1310D" w:rsidR="00984737" w:rsidP="00245E8B" w:rsidRDefault="00984737" w14:paraId="514CFA1F" w14:textId="77777777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:rsidRPr="00A1310D" w:rsidR="00984737" w:rsidP="00245E8B" w:rsidRDefault="00984737" w14:paraId="11244557" w14:textId="77777777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Pr="00A1310D" w:rsidR="00984737" w:rsidTr="00433E90" w14:paraId="0B8B66B2" w14:textId="77777777">
        <w:trPr>
          <w:cantSplit/>
          <w:trHeight w:val="113"/>
        </w:trPr>
        <w:tc>
          <w:tcPr>
            <w:tcW w:w="340" w:type="dxa"/>
          </w:tcPr>
          <w:p w:rsidRPr="00A1310D" w:rsidR="00984737" w:rsidP="00245E8B" w:rsidRDefault="00A702B2" w14:paraId="7E6F7B73" w14:textId="1E2CC3F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" w:id="69"/>
            <w:bookmarkEnd w:id="69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992" w:type="dxa"/>
          </w:tcPr>
          <w:p w:rsidRPr="00A1310D" w:rsidR="00984737" w:rsidP="00245E8B" w:rsidRDefault="00A702B2" w14:paraId="15DFF147" w14:textId="36672A6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tank_ind_tank_id_2" w:id="70"/>
            <w:bookmarkEnd w:id="70"/>
            <w:r>
              <w:rPr>
                <w:rFonts w:ascii="Arial" w:hAnsi="Arial" w:cs="Arial"/>
                <w:sz w:val="20"/>
                <w:szCs w:val="20"/>
              </w:rPr>
              <w:t>2005</w:t>
            </w:r>
          </w:p>
        </w:tc>
        <w:tc>
          <w:tcPr>
            <w:tcW w:w="992" w:type="dxa"/>
          </w:tcPr>
          <w:p w:rsidRPr="00A1310D" w:rsidR="00984737" w:rsidP="00245E8B" w:rsidRDefault="00A702B2" w14:paraId="4B37E611" w14:textId="2ED3AB48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3" w:id="71"/>
            <w:bookmarkEnd w:id="71"/>
            <w:r>
              <w:rPr>
                <w:rFonts w:ascii="Arial" w:hAnsi="Arial" w:cs="Arial"/>
                <w:sz w:val="20"/>
                <w:szCs w:val="20"/>
              </w:rPr>
              <w:t>2005</w:t>
            </w:r>
          </w:p>
        </w:tc>
        <w:tc>
          <w:tcPr>
            <w:tcW w:w="1276" w:type="dxa"/>
          </w:tcPr>
          <w:p w:rsidRPr="00A1310D" w:rsidR="00984737" w:rsidP="00245E8B" w:rsidRDefault="00A702B2" w14:paraId="3A81F9A3" w14:textId="095EC386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4" w:id="72"/>
            <w:bookmarkEnd w:id="72"/>
            <w:r>
              <w:rPr>
                <w:rFonts w:ascii="Arial" w:hAnsi="Arial" w:cs="Arial"/>
                <w:sz w:val="20"/>
                <w:szCs w:val="20"/>
              </w:rPr>
              <w:t>Spildolie</w:t>
            </w:r>
          </w:p>
        </w:tc>
        <w:tc>
          <w:tcPr>
            <w:tcW w:w="851" w:type="dxa"/>
          </w:tcPr>
          <w:p w:rsidRPr="00A1310D" w:rsidR="00984737" w:rsidP="00245E8B" w:rsidRDefault="00A702B2" w14:paraId="2752A56D" w14:textId="137FA168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5" w:id="73"/>
            <w:bookmarkEnd w:id="73"/>
            <w:r>
              <w:rPr>
                <w:rFonts w:ascii="Arial" w:hAnsi="Arial" w:cs="Arial"/>
                <w:sz w:val="20"/>
                <w:szCs w:val="20"/>
              </w:rPr>
              <w:t>1.225</w:t>
            </w:r>
          </w:p>
        </w:tc>
        <w:tc>
          <w:tcPr>
            <w:tcW w:w="1559" w:type="dxa"/>
          </w:tcPr>
          <w:p w:rsidRPr="00A1310D" w:rsidR="00984737" w:rsidP="00245E8B" w:rsidRDefault="00A702B2" w14:paraId="28A11DD1" w14:textId="225FCF53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6" w:id="74"/>
            <w:bookmarkEnd w:id="74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992" w:type="dxa"/>
          </w:tcPr>
          <w:p w:rsidRPr="00A1310D" w:rsidR="00984737" w:rsidP="00245E8B" w:rsidRDefault="00A702B2" w14:paraId="48019EE3" w14:textId="50A17400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7" w:id="75"/>
            <w:bookmarkEnd w:id="75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:rsidRPr="00A1310D" w:rsidR="00984737" w:rsidP="00245E8B" w:rsidRDefault="00A702B2" w14:paraId="01393AA4" w14:textId="5CEBFD77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8" w:id="76"/>
            <w:bookmarkEnd w:id="76"/>
            <w:r>
              <w:rPr>
                <w:rFonts w:ascii="Arial" w:hAnsi="Arial" w:cs="Arial"/>
                <w:sz w:val="20"/>
                <w:szCs w:val="20"/>
              </w:rPr>
              <w:t xml:space="preserve"> I følge tankattesten tillades tanken opstillet indendørs. </w:t>
            </w:r>
          </w:p>
        </w:tc>
      </w:tr>
      <w:tr w:rsidRPr="00A1310D" w:rsidR="00A702B2" w:rsidTr="00433E90" w14:paraId="412F9ED7" w14:textId="77777777">
        <w:trPr>
          <w:cantSplit/>
          <w:trHeight w:val="113"/>
        </w:trPr>
        <w:tc>
          <w:tcPr>
            <w:tcW w:w="340" w:type="dxa"/>
          </w:tcPr>
          <w:p w:rsidR="00A702B2" w:rsidP="00245E8B" w:rsidRDefault="00A702B2" w14:paraId="69A9332F" w14:textId="5AED7000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9" w:id="77"/>
            <w:bookmarkEnd w:id="77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992" w:type="dxa"/>
          </w:tcPr>
          <w:p w:rsidR="00A702B2" w:rsidP="00245E8B" w:rsidRDefault="00A702B2" w14:paraId="1B1D8025" w14:textId="61EE9E4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tank_ind_tank_id_10" w:id="78"/>
            <w:bookmarkEnd w:id="78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992" w:type="dxa"/>
          </w:tcPr>
          <w:p w:rsidR="00A702B2" w:rsidP="00245E8B" w:rsidRDefault="00A702B2" w14:paraId="55C9DEC3" w14:textId="1A3B8B79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11" w:id="79"/>
            <w:bookmarkEnd w:id="79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1276" w:type="dxa"/>
          </w:tcPr>
          <w:p w:rsidR="00A702B2" w:rsidP="00245E8B" w:rsidRDefault="00A702B2" w14:paraId="3C73B814" w14:textId="79626DD5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12" w:id="80"/>
            <w:bookmarkEnd w:id="80"/>
            <w:r>
              <w:rPr>
                <w:rFonts w:ascii="Arial" w:hAnsi="Arial" w:cs="Arial"/>
                <w:sz w:val="20"/>
                <w:szCs w:val="20"/>
              </w:rPr>
              <w:t>Motorolie</w:t>
            </w:r>
          </w:p>
        </w:tc>
        <w:tc>
          <w:tcPr>
            <w:tcW w:w="851" w:type="dxa"/>
          </w:tcPr>
          <w:p w:rsidR="00A702B2" w:rsidP="00245E8B" w:rsidRDefault="00A702B2" w14:paraId="3E69BDEB" w14:textId="501C6C27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13" w:id="81"/>
            <w:bookmarkEnd w:id="81"/>
            <w:r>
              <w:rPr>
                <w:rFonts w:ascii="Arial" w:hAnsi="Arial" w:cs="Arial"/>
                <w:sz w:val="20"/>
                <w:szCs w:val="20"/>
              </w:rPr>
              <w:t>1.500</w:t>
            </w:r>
          </w:p>
        </w:tc>
        <w:tc>
          <w:tcPr>
            <w:tcW w:w="1559" w:type="dxa"/>
          </w:tcPr>
          <w:p w:rsidR="00A702B2" w:rsidP="00245E8B" w:rsidRDefault="00A702B2" w14:paraId="79A7B45D" w14:textId="6D6E0409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14" w:id="82"/>
            <w:bookmarkEnd w:id="82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992" w:type="dxa"/>
          </w:tcPr>
          <w:p w:rsidR="00A702B2" w:rsidP="00245E8B" w:rsidRDefault="00A702B2" w14:paraId="31BF4561" w14:textId="309DAE61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15" w:id="83"/>
            <w:bookmarkEnd w:id="83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:rsidR="00A702B2" w:rsidP="00245E8B" w:rsidRDefault="00A702B2" w14:paraId="11D55BCE" w14:textId="2C37824D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tank_ind_tank_id_16" w:id="84"/>
            <w:bookmarkEnd w:id="84"/>
            <w:r>
              <w:rPr>
                <w:rFonts w:ascii="Arial" w:hAnsi="Arial" w:cs="Arial"/>
                <w:sz w:val="20"/>
                <w:szCs w:val="20"/>
              </w:rPr>
              <w:t>smørolietank med to rum 750l+750l. Stander på tanken. Godkendt for indendørs opstilling.</w:t>
            </w:r>
          </w:p>
        </w:tc>
      </w:tr>
    </w:tbl>
    <w:p w:rsidR="00EC6E6D" w:rsidP="00EC6E6D" w:rsidRDefault="00EC6E6D" w14:paraId="7DEF6838" w14:textId="77777777">
      <w:pPr>
        <w:ind w:left="426"/>
        <w:rPr>
          <w:rFonts w:ascii="Arial" w:hAnsi="Arial" w:cs="Arial"/>
          <w:sz w:val="22"/>
          <w:szCs w:val="22"/>
        </w:rPr>
      </w:pPr>
    </w:p>
    <w:p w:rsidRPr="00610024" w:rsidR="00610024" w:rsidP="00FB5416" w:rsidRDefault="00610024" w14:paraId="647E2277" w14:textId="77777777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color="auto" w:sz="4" w:space="0"/>
          <w:bottom w:val="double" w:color="auto" w:sz="4" w:space="0"/>
          <w:right w:val="double" w:color="auto" w:sz="4" w:space="0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Pr="00A1310D" w:rsidR="009750F4" w:rsidTr="00001CD5" w14:paraId="3D08C0EC" w14:textId="77777777">
        <w:trPr>
          <w:trHeight w:val="284"/>
          <w:tblHeader/>
        </w:trPr>
        <w:tc>
          <w:tcPr>
            <w:tcW w:w="689" w:type="dxa"/>
            <w:tcBorders>
              <w:top w:val="double" w:color="auto" w:sz="4" w:space="0"/>
              <w:bottom w:val="single" w:color="auto" w:sz="4" w:space="0"/>
            </w:tcBorders>
            <w:shd w:val="clear" w:color="auto" w:fill="BFBFBF" w:themeFill="background1" w:themeFillShade="BF"/>
          </w:tcPr>
          <w:p w:rsidRPr="00A1310D" w:rsidR="009750F4" w:rsidP="00EC6E6D" w:rsidRDefault="009750F4" w14:paraId="55FD2A09" w14:textId="77777777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color="auto" w:sz="4" w:space="0"/>
              <w:bottom w:val="single" w:color="auto" w:sz="4" w:space="0"/>
            </w:tcBorders>
            <w:shd w:val="clear" w:color="auto" w:fill="BFBFBF" w:themeFill="background1" w:themeFillShade="BF"/>
          </w:tcPr>
          <w:p w:rsidRPr="00A1310D" w:rsidR="009750F4" w:rsidP="00EC6E6D" w:rsidRDefault="009750F4" w14:paraId="6C42904E" w14:textId="77777777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color="auto" w:sz="4" w:space="0"/>
              <w:bottom w:val="single" w:color="auto" w:sz="4" w:space="0"/>
            </w:tcBorders>
            <w:shd w:val="clear" w:color="auto" w:fill="BFBFBF" w:themeFill="background1" w:themeFillShade="BF"/>
          </w:tcPr>
          <w:p w:rsidRPr="00A1310D" w:rsidR="009750F4" w:rsidP="00D312CA" w:rsidRDefault="009750F4" w14:paraId="50A6F5E6" w14:textId="77777777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color="auto" w:sz="4" w:space="0"/>
              <w:bottom w:val="single" w:color="auto" w:sz="4" w:space="0"/>
            </w:tcBorders>
            <w:shd w:val="clear" w:color="auto" w:fill="BFBFBF" w:themeFill="background1" w:themeFillShade="BF"/>
          </w:tcPr>
          <w:p w:rsidRPr="00A1310D" w:rsidR="009750F4" w:rsidP="00EC6E6D" w:rsidRDefault="009750F4" w14:paraId="3034523F" w14:textId="77777777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color="auto" w:sz="4" w:space="0"/>
              <w:bottom w:val="single" w:color="auto" w:sz="4" w:space="0"/>
            </w:tcBorders>
            <w:shd w:val="clear" w:color="auto" w:fill="BFBFBF" w:themeFill="background1" w:themeFillShade="BF"/>
          </w:tcPr>
          <w:p w:rsidRPr="00A1310D" w:rsidR="009750F4" w:rsidP="00EC6E6D" w:rsidRDefault="009750F4" w14:paraId="6243FE9F" w14:textId="77777777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color="auto" w:sz="4" w:space="0"/>
              <w:bottom w:val="single" w:color="auto" w:sz="4" w:space="0"/>
            </w:tcBorders>
            <w:shd w:val="clear" w:color="auto" w:fill="BFBFBF" w:themeFill="background1" w:themeFillShade="BF"/>
          </w:tcPr>
          <w:p w:rsidRPr="00A1310D" w:rsidR="009750F4" w:rsidP="00610024" w:rsidRDefault="009750F4" w14:paraId="658BFB64" w14:textId="77777777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color="auto" w:sz="4" w:space="0"/>
              <w:bottom w:val="single" w:color="auto" w:sz="4" w:space="0"/>
            </w:tcBorders>
            <w:shd w:val="clear" w:color="auto" w:fill="BFBFBF" w:themeFill="background1" w:themeFillShade="BF"/>
          </w:tcPr>
          <w:p w:rsidRPr="00A1310D" w:rsidR="009750F4" w:rsidP="00EC6E6D" w:rsidRDefault="009750F4" w14:paraId="46381F2B" w14:textId="77777777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color="auto" w:sz="4" w:space="0"/>
              <w:bottom w:val="single" w:color="auto" w:sz="4" w:space="0"/>
            </w:tcBorders>
            <w:shd w:val="clear" w:color="auto" w:fill="BFBFBF" w:themeFill="background1" w:themeFillShade="BF"/>
          </w:tcPr>
          <w:p w:rsidRPr="00A1310D" w:rsidR="009750F4" w:rsidP="00EC6E6D" w:rsidRDefault="009750F4" w14:paraId="7210876A" w14:textId="77777777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color="auto" w:sz="4" w:space="0"/>
              <w:bottom w:val="single" w:color="auto" w:sz="4" w:space="0"/>
            </w:tcBorders>
            <w:shd w:val="clear" w:color="auto" w:fill="BFBFBF" w:themeFill="background1" w:themeFillShade="BF"/>
          </w:tcPr>
          <w:p w:rsidRPr="00A1310D" w:rsidR="009750F4" w:rsidP="00EC6E6D" w:rsidRDefault="009750F4" w14:paraId="7F27E2B1" w14:textId="77777777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color="auto" w:sz="4" w:space="0"/>
              <w:bottom w:val="single" w:color="auto" w:sz="4" w:space="0"/>
            </w:tcBorders>
            <w:shd w:val="clear" w:color="auto" w:fill="BFBFBF" w:themeFill="background1" w:themeFillShade="BF"/>
          </w:tcPr>
          <w:p w:rsidRPr="00A1310D" w:rsidR="009750F4" w:rsidP="00EC6E6D" w:rsidRDefault="009750F4" w14:paraId="3830A3CD" w14:textId="77777777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Pr="00A1310D" w:rsidR="009750F4" w:rsidTr="00A702B2" w14:paraId="24CC4875" w14:textId="77777777">
        <w:trPr>
          <w:trHeight w:val="113"/>
        </w:trPr>
        <w:tc>
          <w:tcPr>
            <w:tcW w:w="689" w:type="dxa"/>
            <w:tcBorders>
              <w:top w:val="single" w:color="auto" w:sz="4" w:space="0"/>
              <w:bottom w:val="single" w:color="auto" w:sz="4" w:space="0"/>
            </w:tcBorders>
            <w:shd w:val="clear" w:color="auto" w:fill="auto"/>
          </w:tcPr>
          <w:p w:rsidRPr="00A1310D" w:rsidR="009750F4" w:rsidP="00A12657" w:rsidRDefault="00A702B2" w14:paraId="13DDE239" w14:textId="7ADECC2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" w:id="85"/>
            <w:bookmarkEnd w:id="85"/>
            <w:r>
              <w:rPr>
                <w:rFonts w:ascii="Arial" w:hAnsi="Arial" w:cs="Arial"/>
                <w:sz w:val="20"/>
                <w:szCs w:val="20"/>
              </w:rPr>
              <w:t>3ds</w:t>
            </w:r>
          </w:p>
        </w:tc>
        <w:tc>
          <w:tcPr>
            <w:tcW w:w="711" w:type="dxa"/>
            <w:tcBorders>
              <w:top w:val="single" w:color="auto" w:sz="4" w:space="0"/>
              <w:bottom w:val="single" w:color="auto" w:sz="4" w:space="0"/>
            </w:tcBorders>
          </w:tcPr>
          <w:p w:rsidRPr="00A1310D" w:rsidR="009750F4" w:rsidP="00A12657" w:rsidRDefault="00A702B2" w14:paraId="423C58EF" w14:textId="504A257E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2" w:id="86"/>
            <w:bookmarkEnd w:id="86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711" w:type="dxa"/>
            <w:tcBorders>
              <w:top w:val="single" w:color="auto" w:sz="4" w:space="0"/>
              <w:bottom w:val="single" w:color="auto" w:sz="4" w:space="0"/>
            </w:tcBorders>
            <w:shd w:val="clear" w:color="auto" w:fill="auto"/>
          </w:tcPr>
          <w:p w:rsidRPr="00A1310D" w:rsidR="009750F4" w:rsidP="00A12657" w:rsidRDefault="00A702B2" w14:paraId="202C9374" w14:textId="478D376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3" w:id="87"/>
            <w:bookmarkEnd w:id="87"/>
            <w:r>
              <w:rPr>
                <w:rFonts w:ascii="Arial" w:hAnsi="Arial" w:cs="Arial"/>
                <w:sz w:val="20"/>
                <w:szCs w:val="20"/>
              </w:rPr>
              <w:t>129078</w:t>
            </w:r>
          </w:p>
        </w:tc>
        <w:tc>
          <w:tcPr>
            <w:tcW w:w="968" w:type="dxa"/>
            <w:tcBorders>
              <w:top w:val="single" w:color="auto" w:sz="4" w:space="0"/>
              <w:bottom w:val="single" w:color="auto" w:sz="4" w:space="0"/>
            </w:tcBorders>
            <w:shd w:val="clear" w:color="auto" w:fill="auto"/>
          </w:tcPr>
          <w:p w:rsidRPr="00A1310D" w:rsidR="009750F4" w:rsidP="00A12657" w:rsidRDefault="00A702B2" w14:paraId="69219FAE" w14:textId="0F934216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4" w:id="88"/>
            <w:bookmarkEnd w:id="88"/>
            <w:r>
              <w:rPr>
                <w:rFonts w:ascii="Arial" w:hAnsi="Arial" w:cs="Arial"/>
                <w:sz w:val="20"/>
                <w:szCs w:val="20"/>
              </w:rPr>
              <w:t>2002</w:t>
            </w:r>
          </w:p>
        </w:tc>
        <w:tc>
          <w:tcPr>
            <w:tcW w:w="1227" w:type="dxa"/>
            <w:tcBorders>
              <w:top w:val="single" w:color="auto" w:sz="4" w:space="0"/>
              <w:bottom w:val="single" w:color="auto" w:sz="4" w:space="0"/>
            </w:tcBorders>
            <w:shd w:val="clear" w:color="auto" w:fill="auto"/>
          </w:tcPr>
          <w:p w:rsidRPr="00A1310D" w:rsidR="009750F4" w:rsidP="00A12657" w:rsidRDefault="00A702B2" w14:paraId="49F7CE8C" w14:textId="1F5B0D6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5" w:id="89"/>
            <w:bookmarkEnd w:id="89"/>
            <w:r>
              <w:rPr>
                <w:rFonts w:ascii="Arial" w:hAnsi="Arial" w:cs="Arial"/>
                <w:sz w:val="20"/>
                <w:szCs w:val="20"/>
              </w:rPr>
              <w:t>Mineralske olieprodukter</w:t>
            </w:r>
          </w:p>
        </w:tc>
        <w:tc>
          <w:tcPr>
            <w:tcW w:w="968" w:type="dxa"/>
            <w:tcBorders>
              <w:top w:val="single" w:color="auto" w:sz="4" w:space="0"/>
              <w:bottom w:val="single" w:color="auto" w:sz="4" w:space="0"/>
            </w:tcBorders>
            <w:shd w:val="clear" w:color="auto" w:fill="auto"/>
          </w:tcPr>
          <w:p w:rsidRPr="00A1310D" w:rsidR="009750F4" w:rsidP="00A12657" w:rsidRDefault="00A702B2" w14:paraId="42BB9FC2" w14:textId="031DDFDE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6" w:id="90"/>
            <w:bookmarkEnd w:id="90"/>
            <w:r>
              <w:rPr>
                <w:rFonts w:ascii="Arial" w:hAnsi="Arial" w:cs="Arial"/>
                <w:sz w:val="20"/>
                <w:szCs w:val="20"/>
              </w:rPr>
              <w:t>1.500</w:t>
            </w:r>
          </w:p>
        </w:tc>
        <w:tc>
          <w:tcPr>
            <w:tcW w:w="1278" w:type="dxa"/>
            <w:tcBorders>
              <w:top w:val="single" w:color="auto" w:sz="4" w:space="0"/>
              <w:bottom w:val="single" w:color="auto" w:sz="4" w:space="0"/>
            </w:tcBorders>
            <w:shd w:val="clear" w:color="auto" w:fill="auto"/>
          </w:tcPr>
          <w:p w:rsidRPr="00A1310D" w:rsidR="009750F4" w:rsidP="00A12657" w:rsidRDefault="00A702B2" w14:paraId="32ECB995" w14:textId="2C220B0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7" w:id="91"/>
            <w:bookmarkEnd w:id="91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color="auto" w:sz="4" w:space="0"/>
              <w:bottom w:val="single" w:color="auto" w:sz="4" w:space="0"/>
            </w:tcBorders>
          </w:tcPr>
          <w:p w:rsidRPr="00A1310D" w:rsidR="009750F4" w:rsidP="00A12657" w:rsidRDefault="009750F4" w14:paraId="3E985661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8" w:id="92"/>
            <w:bookmarkEnd w:id="92"/>
          </w:p>
        </w:tc>
        <w:tc>
          <w:tcPr>
            <w:tcW w:w="2117" w:type="dxa"/>
            <w:tcBorders>
              <w:top w:val="single" w:color="auto" w:sz="4" w:space="0"/>
              <w:bottom w:val="single" w:color="auto" w:sz="4" w:space="0"/>
            </w:tcBorders>
          </w:tcPr>
          <w:p w:rsidRPr="00A1310D" w:rsidR="009750F4" w:rsidP="00A12657" w:rsidRDefault="009750F4" w14:paraId="7536AB7D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9" w:id="93"/>
            <w:bookmarkEnd w:id="93"/>
          </w:p>
        </w:tc>
        <w:tc>
          <w:tcPr>
            <w:tcW w:w="2117" w:type="dxa"/>
            <w:tcBorders>
              <w:top w:val="single" w:color="auto" w:sz="4" w:space="0"/>
              <w:bottom w:val="single" w:color="auto" w:sz="4" w:space="0"/>
            </w:tcBorders>
            <w:shd w:val="clear" w:color="auto" w:fill="auto"/>
          </w:tcPr>
          <w:p w:rsidRPr="00A1310D" w:rsidR="009750F4" w:rsidP="00A12657" w:rsidRDefault="00A702B2" w14:paraId="4D5DDBF6" w14:textId="310D30E2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10" w:id="94"/>
            <w:bookmarkEnd w:id="94"/>
            <w:r>
              <w:rPr>
                <w:rFonts w:ascii="Arial" w:hAnsi="Arial" w:cs="Arial"/>
                <w:sz w:val="20"/>
                <w:szCs w:val="20"/>
              </w:rPr>
              <w:t>15-12-2042</w:t>
            </w:r>
          </w:p>
        </w:tc>
      </w:tr>
      <w:tr w:rsidRPr="00A1310D" w:rsidR="00A702B2" w:rsidTr="009750F4" w14:paraId="09DD67A1" w14:textId="77777777">
        <w:trPr>
          <w:trHeight w:val="113"/>
        </w:trPr>
        <w:tc>
          <w:tcPr>
            <w:tcW w:w="689" w:type="dxa"/>
            <w:tcBorders>
              <w:top w:val="single" w:color="auto" w:sz="4" w:space="0"/>
            </w:tcBorders>
            <w:shd w:val="clear" w:color="auto" w:fill="auto"/>
          </w:tcPr>
          <w:p w:rsidR="00A702B2" w:rsidP="00A12657" w:rsidRDefault="00A702B2" w14:paraId="0BF4E986" w14:textId="0DDD35A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11" w:id="95"/>
            <w:bookmarkEnd w:id="95"/>
            <w:r>
              <w:rPr>
                <w:rFonts w:ascii="Arial" w:hAnsi="Arial" w:cs="Arial"/>
                <w:sz w:val="20"/>
                <w:szCs w:val="20"/>
              </w:rPr>
              <w:t>3ds</w:t>
            </w:r>
          </w:p>
        </w:tc>
        <w:tc>
          <w:tcPr>
            <w:tcW w:w="711" w:type="dxa"/>
            <w:tcBorders>
              <w:top w:val="single" w:color="auto" w:sz="4" w:space="0"/>
            </w:tcBorders>
          </w:tcPr>
          <w:p w:rsidR="00A702B2" w:rsidP="00A12657" w:rsidRDefault="00A702B2" w14:paraId="4DAF6510" w14:textId="7A60EB6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12" w:id="96"/>
            <w:bookmarkEnd w:id="96"/>
            <w:r>
              <w:rPr>
                <w:rFonts w:ascii="Arial" w:hAnsi="Arial" w:cs="Arial"/>
                <w:sz w:val="20"/>
                <w:szCs w:val="20"/>
              </w:rPr>
              <w:t>2019</w:t>
            </w:r>
          </w:p>
        </w:tc>
        <w:tc>
          <w:tcPr>
            <w:tcW w:w="711" w:type="dxa"/>
            <w:tcBorders>
              <w:top w:val="single" w:color="auto" w:sz="4" w:space="0"/>
            </w:tcBorders>
            <w:shd w:val="clear" w:color="auto" w:fill="auto"/>
          </w:tcPr>
          <w:p w:rsidR="00A702B2" w:rsidP="00A12657" w:rsidRDefault="00A702B2" w14:paraId="5CC4F72B" w14:textId="73350D5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13" w:id="97"/>
            <w:bookmarkEnd w:id="97"/>
            <w:r>
              <w:rPr>
                <w:rFonts w:ascii="Arial" w:hAnsi="Arial" w:cs="Arial"/>
                <w:sz w:val="20"/>
                <w:szCs w:val="20"/>
              </w:rPr>
              <w:t>050Z16714</w:t>
            </w:r>
          </w:p>
        </w:tc>
        <w:tc>
          <w:tcPr>
            <w:tcW w:w="968" w:type="dxa"/>
            <w:tcBorders>
              <w:top w:val="single" w:color="auto" w:sz="4" w:space="0"/>
            </w:tcBorders>
            <w:shd w:val="clear" w:color="auto" w:fill="auto"/>
          </w:tcPr>
          <w:p w:rsidR="00A702B2" w:rsidP="00A12657" w:rsidRDefault="00A702B2" w14:paraId="0B4B1D18" w14:textId="554E955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14" w:id="98"/>
            <w:bookmarkEnd w:id="98"/>
            <w:r>
              <w:rPr>
                <w:rFonts w:ascii="Arial" w:hAnsi="Arial" w:cs="Arial"/>
                <w:sz w:val="20"/>
                <w:szCs w:val="20"/>
              </w:rPr>
              <w:t>2019</w:t>
            </w:r>
          </w:p>
        </w:tc>
        <w:tc>
          <w:tcPr>
            <w:tcW w:w="1227" w:type="dxa"/>
            <w:tcBorders>
              <w:top w:val="single" w:color="auto" w:sz="4" w:space="0"/>
            </w:tcBorders>
            <w:shd w:val="clear" w:color="auto" w:fill="auto"/>
          </w:tcPr>
          <w:p w:rsidR="00A702B2" w:rsidP="00A12657" w:rsidRDefault="00A702B2" w14:paraId="5BA7C77B" w14:textId="42C4A58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15" w:id="99"/>
            <w:bookmarkEnd w:id="99"/>
            <w:r>
              <w:rPr>
                <w:rFonts w:ascii="Arial" w:hAnsi="Arial" w:cs="Arial"/>
                <w:sz w:val="20"/>
                <w:szCs w:val="20"/>
              </w:rPr>
              <w:t>Mineralske olieprodukter</w:t>
            </w:r>
          </w:p>
        </w:tc>
        <w:tc>
          <w:tcPr>
            <w:tcW w:w="968" w:type="dxa"/>
            <w:tcBorders>
              <w:top w:val="single" w:color="auto" w:sz="4" w:space="0"/>
            </w:tcBorders>
            <w:shd w:val="clear" w:color="auto" w:fill="auto"/>
          </w:tcPr>
          <w:p w:rsidR="00A702B2" w:rsidP="00A12657" w:rsidRDefault="00A702B2" w14:paraId="4E9CA881" w14:textId="0D0F850A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16" w:id="100"/>
            <w:bookmarkEnd w:id="100"/>
            <w:r>
              <w:rPr>
                <w:rFonts w:ascii="Arial" w:hAnsi="Arial" w:cs="Arial"/>
                <w:sz w:val="20"/>
                <w:szCs w:val="20"/>
              </w:rPr>
              <w:t>1.300</w:t>
            </w:r>
          </w:p>
        </w:tc>
        <w:tc>
          <w:tcPr>
            <w:tcW w:w="1278" w:type="dxa"/>
            <w:tcBorders>
              <w:top w:val="single" w:color="auto" w:sz="4" w:space="0"/>
            </w:tcBorders>
            <w:shd w:val="clear" w:color="auto" w:fill="auto"/>
          </w:tcPr>
          <w:p w:rsidR="00A702B2" w:rsidP="00A12657" w:rsidRDefault="00A702B2" w14:paraId="6AF92923" w14:textId="276F854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17" w:id="101"/>
            <w:bookmarkEnd w:id="101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color="auto" w:sz="4" w:space="0"/>
            </w:tcBorders>
          </w:tcPr>
          <w:p w:rsidRPr="00A1310D" w:rsidR="00A702B2" w:rsidP="00A12657" w:rsidRDefault="00A702B2" w14:paraId="73AC2078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18" w:id="102"/>
            <w:bookmarkEnd w:id="102"/>
          </w:p>
        </w:tc>
        <w:tc>
          <w:tcPr>
            <w:tcW w:w="2117" w:type="dxa"/>
            <w:tcBorders>
              <w:top w:val="single" w:color="auto" w:sz="4" w:space="0"/>
            </w:tcBorders>
          </w:tcPr>
          <w:p w:rsidRPr="00A1310D" w:rsidR="00A702B2" w:rsidP="00A12657" w:rsidRDefault="00A702B2" w14:paraId="2D668611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19" w:id="103"/>
            <w:bookmarkEnd w:id="103"/>
          </w:p>
        </w:tc>
        <w:tc>
          <w:tcPr>
            <w:tcW w:w="2117" w:type="dxa"/>
            <w:tcBorders>
              <w:top w:val="single" w:color="auto" w:sz="4" w:space="0"/>
            </w:tcBorders>
            <w:shd w:val="clear" w:color="auto" w:fill="auto"/>
          </w:tcPr>
          <w:p w:rsidR="00A702B2" w:rsidP="00A12657" w:rsidRDefault="00A702B2" w14:paraId="5132185C" w14:textId="7C59F5C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bbr_tech_inst_land_parcel_id_20" w:id="104"/>
            <w:bookmarkEnd w:id="104"/>
            <w:r>
              <w:rPr>
                <w:rFonts w:ascii="Arial" w:hAnsi="Arial" w:cs="Arial"/>
                <w:sz w:val="20"/>
                <w:szCs w:val="20"/>
              </w:rPr>
              <w:t>30-12-2059</w:t>
            </w:r>
          </w:p>
        </w:tc>
      </w:tr>
    </w:tbl>
    <w:p w:rsidRPr="00F94A99" w:rsidR="001C41AD" w:rsidP="00EC6E6D" w:rsidRDefault="001C41AD" w14:paraId="4C046D0C" w14:textId="77777777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Pr="00245E8B" w:rsidR="00EC6E6D" w:rsidTr="00F94A99" w14:paraId="7B523009" w14:textId="77777777">
        <w:trPr>
          <w:cantSplit/>
          <w:trHeight w:val="284"/>
          <w:tblHeader/>
        </w:trPr>
        <w:tc>
          <w:tcPr>
            <w:tcW w:w="2763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0" w:color="auto" w:fill="FFFFFF"/>
          </w:tcPr>
          <w:p w:rsidRPr="00245E8B" w:rsidR="00EC6E6D" w:rsidP="00245E8B" w:rsidRDefault="00EC6E6D" w14:paraId="60D83635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color="auto" w:sz="4" w:space="0"/>
              <w:left w:val="nil"/>
              <w:bottom w:val="single" w:color="auto" w:sz="4" w:space="0"/>
              <w:right w:val="double" w:color="auto" w:sz="4" w:space="0"/>
            </w:tcBorders>
            <w:shd w:val="pct20" w:color="auto" w:fill="FFFFFF"/>
          </w:tcPr>
          <w:p w:rsidRPr="00245E8B" w:rsidR="00EC6E6D" w:rsidP="00245E8B" w:rsidRDefault="00EC6E6D" w14:paraId="61A468B7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Pr="00245E8B" w:rsidR="00EC6E6D" w:rsidTr="00F94A99" w14:paraId="4BB28E72" w14:textId="77777777">
        <w:trPr>
          <w:trHeight w:val="567"/>
        </w:trPr>
        <w:tc>
          <w:tcPr>
            <w:tcW w:w="2763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Pr="00245E8B" w:rsidR="00EC6E6D" w:rsidP="00245E8B" w:rsidRDefault="00A702B2" w14:paraId="1B09B744" w14:textId="3FCDC2D1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control_items_control_item_nameX5" w:id="105"/>
            <w:bookmarkEnd w:id="105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color="auto" w:sz="4" w:space="0"/>
              <w:left w:val="nil"/>
              <w:bottom w:val="double" w:color="auto" w:sz="4" w:space="0"/>
              <w:right w:val="double" w:color="auto" w:sz="4" w:space="0"/>
            </w:tcBorders>
          </w:tcPr>
          <w:p w:rsidR="00A702B2" w:rsidP="00245E8B" w:rsidRDefault="00A702B2" w14:paraId="4767E8F6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control_items_control_item_nameX5_2" w:id="106"/>
            <w:bookmarkEnd w:id="106"/>
            <w:r>
              <w:rPr>
                <w:rFonts w:ascii="Arial" w:hAnsi="Arial" w:cs="Arial"/>
                <w:sz w:val="20"/>
                <w:szCs w:val="20"/>
              </w:rPr>
              <w:t>Der blev gennemført opfølgende tilsyn vedrørende spildolietank der er opstillet udendørs ved kloak/regnvandsrist. Tanken er en overjordisk Titan plasttank med enkeltvæg, fremstillet af MD-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olyetyl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nkeltvægg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ank må ikke opstilles der det er risiko spild til kloak, jord eller vand og det er usikkert om risten leder til kloak via olieudskiller eller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gnvandskloak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  <w:p w:rsidR="00A702B2" w:rsidP="00245E8B" w:rsidRDefault="00A702B2" w14:paraId="3E1F8F6C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:rsidR="00A702B2" w:rsidP="00245E8B" w:rsidRDefault="00A702B2" w14:paraId="68A55E2C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er fremlagt en tankattest hvor der fremgår at tankens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fabrikationså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r 2005. Tankattesten er ikke den originale og det er usikkert om tankens nr. er korrekt da det på mærkat på tanken står 2004. Overjordiske plasttanke af mærke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Kingspa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Titan R1225 fra perioden 2002-2004 har vist sig at være for dårlige.</w:t>
            </w:r>
          </w:p>
          <w:p w:rsidR="00A702B2" w:rsidP="00245E8B" w:rsidRDefault="00A702B2" w14:paraId="374A9F4C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:rsidR="00A702B2" w:rsidP="00245E8B" w:rsidRDefault="00A702B2" w14:paraId="186E6447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t er aftalt at virksomheden bestiller ny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dobbeltvægg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tank der må opstilles udendørs og at autoriseret kloakmester indsender opdateret kloaktegning, som godtgør at kloakledning ved spildolietanken er koblet på OBU. </w:t>
            </w:r>
          </w:p>
          <w:p w:rsidRPr="00245E8B" w:rsidR="00EC6E6D" w:rsidP="00245E8B" w:rsidRDefault="00EC6E6D" w14:paraId="5EC8780E" w14:textId="2DF12D94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245E8B" w:rsidR="00EC6E6D" w:rsidP="00EC6E6D" w:rsidRDefault="00EC6E6D" w14:paraId="1C0F91B2" w14:textId="77777777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name="_Toc54669308" w:id="107"/>
      <w:r w:rsidRPr="00245E8B">
        <w:rPr>
          <w:rFonts w:ascii="Arial" w:hAnsi="Arial" w:cs="Arial"/>
          <w:sz w:val="28"/>
          <w:szCs w:val="28"/>
        </w:rPr>
        <w:t>Råvarer</w:t>
      </w:r>
      <w:bookmarkEnd w:id="107"/>
    </w:p>
    <w:tbl>
      <w:tblPr>
        <w:tblW w:w="9355" w:type="dxa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Pr="00245E8B" w:rsidR="00EC6E6D" w:rsidTr="00F94A99" w14:paraId="2B126CBF" w14:textId="77777777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color="auto" w:sz="4" w:space="0"/>
              <w:left w:val="doub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245E8B" w:rsidR="00EC6E6D" w:rsidP="00245E8B" w:rsidRDefault="00EC6E6D" w14:paraId="1C550AD2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245E8B" w:rsidR="00EC6E6D" w:rsidP="00245E8B" w:rsidRDefault="00EC6E6D" w14:paraId="058CD3C3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245E8B" w:rsidR="00EC6E6D" w:rsidP="00245E8B" w:rsidRDefault="00EC6E6D" w14:paraId="06A49F88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245E8B" w:rsidR="00EC6E6D" w:rsidP="00245E8B" w:rsidRDefault="00EC6E6D" w14:paraId="7488E704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  <w:vAlign w:val="center"/>
          </w:tcPr>
          <w:p w:rsidRPr="00245E8B" w:rsidR="00EC6E6D" w:rsidP="00245E8B" w:rsidRDefault="00EC6E6D" w14:paraId="431370A6" w14:textId="77777777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245E8B" w:rsidR="00EC6E6D" w:rsidP="00245E8B" w:rsidRDefault="00EC6E6D" w14:paraId="5BD5753B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double" w:color="auto" w:sz="4" w:space="0"/>
            </w:tcBorders>
            <w:shd w:val="pct25" w:color="auto" w:fill="FFFFFF"/>
          </w:tcPr>
          <w:p w:rsidRPr="00245E8B" w:rsidR="00EC6E6D" w:rsidP="00245E8B" w:rsidRDefault="00EC6E6D" w14:paraId="26FF4BFA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Pr="00245E8B" w:rsidR="00EC6E6D" w:rsidTr="00F94A99" w14:paraId="75144BD4" w14:textId="77777777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245E8B" w:rsidR="00EC6E6D" w:rsidP="00245E8B" w:rsidRDefault="00EC6E6D" w14:paraId="7CE29454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245E8B" w:rsidR="00EC6E6D" w:rsidP="00245E8B" w:rsidRDefault="00EC6E6D" w14:paraId="1B615C85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245E8B" w:rsidR="00EC6E6D" w:rsidP="00245E8B" w:rsidRDefault="00EC6E6D" w14:paraId="0127137E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245E8B" w:rsidR="00EC6E6D" w:rsidP="00245E8B" w:rsidRDefault="00EC6E6D" w14:paraId="53236C97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  <w:vAlign w:val="center"/>
          </w:tcPr>
          <w:p w:rsidRPr="00245E8B" w:rsidR="00EC6E6D" w:rsidP="00245E8B" w:rsidRDefault="00EC6E6D" w14:paraId="1109AFF5" w14:textId="77777777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  <w:vAlign w:val="center"/>
          </w:tcPr>
          <w:p w:rsidRPr="00245E8B" w:rsidR="00EC6E6D" w:rsidP="00245E8B" w:rsidRDefault="00EC6E6D" w14:paraId="3BAFF371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  <w:vAlign w:val="center"/>
          </w:tcPr>
          <w:p w:rsidRPr="00245E8B" w:rsidR="00EC6E6D" w:rsidP="00245E8B" w:rsidRDefault="00EC6E6D" w14:paraId="681AFAAF" w14:textId="77777777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double" w:color="auto" w:sz="4" w:space="0"/>
            </w:tcBorders>
            <w:vAlign w:val="center"/>
          </w:tcPr>
          <w:p w:rsidRPr="00245E8B" w:rsidR="00EC6E6D" w:rsidP="00245E8B" w:rsidRDefault="00EC6E6D" w14:paraId="6E0FF419" w14:textId="77777777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Pr="00245E8B" w:rsidR="00EC6E6D" w:rsidTr="00A702B2" w14:paraId="24C224DA" w14:textId="77777777">
        <w:trPr>
          <w:cantSplit/>
          <w:trHeight w:val="113"/>
        </w:trPr>
        <w:tc>
          <w:tcPr>
            <w:tcW w:w="1984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A702B2" w14:paraId="26AE01D2" w14:textId="4FA843D5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" w:id="108"/>
            <w:bookmarkEnd w:id="108"/>
            <w:r>
              <w:rPr>
                <w:rFonts w:ascii="Arial" w:hAnsi="Arial" w:cs="Arial"/>
                <w:sz w:val="20"/>
                <w:szCs w:val="20"/>
              </w:rPr>
              <w:t>Smøreolie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A702B2" w14:paraId="7C88AE3A" w14:textId="053F1B9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2" w:id="109"/>
            <w:bookmarkEnd w:id="109"/>
            <w:r>
              <w:rPr>
                <w:rFonts w:ascii="Arial" w:hAnsi="Arial" w:cs="Arial"/>
                <w:sz w:val="20"/>
                <w:szCs w:val="20"/>
              </w:rPr>
              <w:t>5.000</w:t>
            </w:r>
          </w:p>
        </w:tc>
        <w:tc>
          <w:tcPr>
            <w:tcW w:w="708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EC6E6D" w14:paraId="2290D837" w14:textId="77777777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3" w:id="110"/>
            <w:bookmarkEnd w:id="110"/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A702B2" w14:paraId="29C3743F" w14:textId="6113630C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4" w:id="111"/>
            <w:bookmarkEnd w:id="111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A702B2" w14:paraId="4A4F6C8D" w14:textId="3FCBBDB8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5" w:id="112"/>
            <w:bookmarkEnd w:id="112"/>
            <w:r>
              <w:rPr>
                <w:rFonts w:ascii="Arial" w:hAnsi="Arial" w:cs="Arial"/>
                <w:sz w:val="20"/>
                <w:szCs w:val="20"/>
              </w:rPr>
              <w:t>Olietank</w:t>
            </w: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A702B2" w14:paraId="64044AFE" w14:textId="063A0713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6" w:id="113"/>
            <w:bookmarkEnd w:id="113"/>
            <w:r>
              <w:rPr>
                <w:rFonts w:ascii="Arial" w:hAnsi="Arial" w:cs="Arial"/>
                <w:sz w:val="20"/>
                <w:szCs w:val="20"/>
              </w:rPr>
              <w:t>1.500</w:t>
            </w:r>
          </w:p>
        </w:tc>
        <w:tc>
          <w:tcPr>
            <w:tcW w:w="212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A702B2" w14:paraId="13BDD016" w14:textId="7B2E2576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7" w:id="114"/>
            <w:bookmarkEnd w:id="114"/>
            <w:r>
              <w:rPr>
                <w:rFonts w:ascii="Arial" w:hAnsi="Arial" w:cs="Arial"/>
                <w:sz w:val="20"/>
                <w:szCs w:val="20"/>
              </w:rPr>
              <w:t xml:space="preserve">Indendørs, ing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Pr="00245E8B" w:rsidR="00EC6E6D" w:rsidP="00245E8B" w:rsidRDefault="00A702B2" w14:paraId="73E49F5A" w14:textId="34601D99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8" w:id="115"/>
            <w:bookmarkEnd w:id="115"/>
            <w:r>
              <w:rPr>
                <w:rFonts w:ascii="Arial" w:hAnsi="Arial" w:cs="Arial"/>
                <w:sz w:val="20"/>
                <w:szCs w:val="20"/>
              </w:rPr>
              <w:t>2019</w:t>
            </w:r>
          </w:p>
        </w:tc>
      </w:tr>
      <w:tr w:rsidRPr="00245E8B" w:rsidR="00A702B2" w:rsidTr="00A702B2" w14:paraId="5180D4D2" w14:textId="77777777">
        <w:trPr>
          <w:cantSplit/>
          <w:trHeight w:val="113"/>
        </w:trPr>
        <w:tc>
          <w:tcPr>
            <w:tcW w:w="1984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E296048" w14:textId="56715334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9" w:id="116"/>
            <w:bookmarkEnd w:id="116"/>
            <w:r>
              <w:rPr>
                <w:rFonts w:ascii="Arial" w:hAnsi="Arial" w:cs="Arial"/>
                <w:sz w:val="20"/>
                <w:szCs w:val="20"/>
              </w:rPr>
              <w:t>Afvaskningsmiddel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345F681F" w14:textId="77777777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10" w:id="117"/>
            <w:bookmarkEnd w:id="117"/>
          </w:p>
        </w:tc>
        <w:tc>
          <w:tcPr>
            <w:tcW w:w="708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4B2A4F6B" w14:textId="77777777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11" w:id="118"/>
            <w:bookmarkEnd w:id="118"/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313593C3" w14:textId="77777777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12" w:id="119"/>
            <w:bookmarkEnd w:id="119"/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6F727C26" w14:textId="5491E6B4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13" w:id="120"/>
            <w:bookmarkEnd w:id="120"/>
            <w:r>
              <w:rPr>
                <w:rFonts w:ascii="Arial" w:hAnsi="Arial" w:cs="Arial"/>
                <w:sz w:val="20"/>
                <w:szCs w:val="20"/>
              </w:rPr>
              <w:t>Emballage, original</w:t>
            </w: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611B59E" w14:textId="77777777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14" w:id="121"/>
            <w:bookmarkEnd w:id="121"/>
          </w:p>
        </w:tc>
        <w:tc>
          <w:tcPr>
            <w:tcW w:w="212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07132F5" w14:textId="7C4C680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15" w:id="122"/>
            <w:bookmarkEnd w:id="122"/>
            <w:r>
              <w:rPr>
                <w:rFonts w:ascii="Arial" w:hAnsi="Arial" w:cs="Arial"/>
                <w:sz w:val="20"/>
                <w:szCs w:val="20"/>
              </w:rPr>
              <w:t>Opbevaring i orden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51BCC28F" w14:textId="1A407A57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16" w:id="123"/>
            <w:bookmarkEnd w:id="123"/>
            <w:r>
              <w:rPr>
                <w:rFonts w:ascii="Arial" w:hAnsi="Arial" w:cs="Arial"/>
                <w:sz w:val="20"/>
                <w:szCs w:val="20"/>
              </w:rPr>
              <w:t>2019</w:t>
            </w:r>
          </w:p>
        </w:tc>
      </w:tr>
      <w:tr w:rsidRPr="00245E8B" w:rsidR="00A702B2" w:rsidTr="00A702B2" w14:paraId="0CFAF631" w14:textId="77777777">
        <w:trPr>
          <w:cantSplit/>
          <w:trHeight w:val="113"/>
        </w:trPr>
        <w:tc>
          <w:tcPr>
            <w:tcW w:w="1984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55296521" w14:textId="12C35ECA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17" w:id="124"/>
            <w:bookmarkEnd w:id="124"/>
            <w:proofErr w:type="spellStart"/>
            <w:r>
              <w:rPr>
                <w:rFonts w:ascii="Arial" w:hAnsi="Arial" w:cs="Arial"/>
                <w:sz w:val="20"/>
                <w:szCs w:val="20"/>
              </w:rPr>
              <w:t>Motorrens</w:t>
            </w:r>
            <w:proofErr w:type="spellEnd"/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30198C0A" w14:textId="77777777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18" w:id="125"/>
            <w:bookmarkEnd w:id="125"/>
          </w:p>
        </w:tc>
        <w:tc>
          <w:tcPr>
            <w:tcW w:w="708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5F1E286F" w14:textId="77777777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19" w:id="126"/>
            <w:bookmarkEnd w:id="126"/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23020B22" w14:textId="77777777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20" w:id="127"/>
            <w:bookmarkEnd w:id="127"/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2071E4E8" w14:textId="6C182C91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21" w:id="128"/>
            <w:bookmarkEnd w:id="128"/>
            <w:r>
              <w:rPr>
                <w:rFonts w:ascii="Arial" w:hAnsi="Arial" w:cs="Arial"/>
                <w:sz w:val="20"/>
                <w:szCs w:val="20"/>
              </w:rPr>
              <w:t>Emballage, original</w:t>
            </w: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C674BAE" w14:textId="77777777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22" w:id="129"/>
            <w:bookmarkEnd w:id="129"/>
          </w:p>
        </w:tc>
        <w:tc>
          <w:tcPr>
            <w:tcW w:w="212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31CF4347" w14:textId="7672B7ED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23" w:id="130"/>
            <w:bookmarkEnd w:id="130"/>
            <w:r>
              <w:rPr>
                <w:rFonts w:ascii="Arial" w:hAnsi="Arial" w:cs="Arial"/>
                <w:sz w:val="20"/>
                <w:szCs w:val="20"/>
              </w:rPr>
              <w:t>Opbevaring i orden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7754D84D" w14:textId="2A06E5AD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24" w:id="131"/>
            <w:bookmarkEnd w:id="131"/>
            <w:r>
              <w:rPr>
                <w:rFonts w:ascii="Arial" w:hAnsi="Arial" w:cs="Arial"/>
                <w:sz w:val="20"/>
                <w:szCs w:val="20"/>
              </w:rPr>
              <w:t>2019</w:t>
            </w:r>
          </w:p>
        </w:tc>
      </w:tr>
      <w:tr w:rsidRPr="00245E8B" w:rsidR="00A702B2" w:rsidTr="00F94A99" w14:paraId="61AF19C0" w14:textId="77777777">
        <w:trPr>
          <w:cantSplit/>
          <w:trHeight w:val="113"/>
        </w:trPr>
        <w:tc>
          <w:tcPr>
            <w:tcW w:w="1984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="00A702B2" w:rsidP="00245E8B" w:rsidRDefault="00A702B2" w14:paraId="22E7707C" w14:textId="157BD0FD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25" w:id="132"/>
            <w:bookmarkEnd w:id="132"/>
            <w:r>
              <w:rPr>
                <w:rFonts w:ascii="Arial" w:hAnsi="Arial" w:cs="Arial"/>
                <w:sz w:val="20"/>
                <w:szCs w:val="20"/>
              </w:rPr>
              <w:t>Insektfjerner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="00A702B2" w:rsidP="00245E8B" w:rsidRDefault="00A702B2" w14:paraId="23D2FCCC" w14:textId="77777777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26" w:id="133"/>
            <w:bookmarkEnd w:id="133"/>
          </w:p>
        </w:tc>
        <w:tc>
          <w:tcPr>
            <w:tcW w:w="708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245E8B" w:rsidR="00A702B2" w:rsidP="00245E8B" w:rsidRDefault="00A702B2" w14:paraId="7038D6FA" w14:textId="77777777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27" w:id="134"/>
            <w:bookmarkEnd w:id="134"/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="00A702B2" w:rsidP="00245E8B" w:rsidRDefault="00A702B2" w14:paraId="4F9C2FDA" w14:textId="77777777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28" w:id="135"/>
            <w:bookmarkEnd w:id="135"/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="00A702B2" w:rsidP="00245E8B" w:rsidRDefault="00A702B2" w14:paraId="35E4A1ED" w14:textId="4A0D4583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29" w:id="136"/>
            <w:bookmarkEnd w:id="136"/>
            <w:r>
              <w:rPr>
                <w:rFonts w:ascii="Arial" w:hAnsi="Arial" w:cs="Arial"/>
                <w:sz w:val="20"/>
                <w:szCs w:val="20"/>
              </w:rPr>
              <w:t>Emballage, original</w:t>
            </w:r>
          </w:p>
        </w:tc>
        <w:tc>
          <w:tcPr>
            <w:tcW w:w="1134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="00A702B2" w:rsidP="00245E8B" w:rsidRDefault="00A702B2" w14:paraId="1F24D1DF" w14:textId="77777777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30" w:id="137"/>
            <w:bookmarkEnd w:id="137"/>
          </w:p>
        </w:tc>
        <w:tc>
          <w:tcPr>
            <w:tcW w:w="2126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="00A702B2" w:rsidP="00245E8B" w:rsidRDefault="00A702B2" w14:paraId="62942A82" w14:textId="7A3096FE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31" w:id="138"/>
            <w:bookmarkEnd w:id="138"/>
            <w:r>
              <w:rPr>
                <w:rFonts w:ascii="Arial" w:hAnsi="Arial" w:cs="Arial"/>
                <w:sz w:val="20"/>
                <w:szCs w:val="20"/>
              </w:rPr>
              <w:t>Opbevaring i orden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double" w:color="auto" w:sz="4" w:space="0"/>
            </w:tcBorders>
          </w:tcPr>
          <w:p w:rsidR="00A702B2" w:rsidP="00245E8B" w:rsidRDefault="00A702B2" w14:paraId="692F968A" w14:textId="351D7766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ind_rawmat_types_rawmat_name_32" w:id="139"/>
            <w:bookmarkEnd w:id="139"/>
            <w:r>
              <w:rPr>
                <w:rFonts w:ascii="Arial" w:hAnsi="Arial" w:cs="Arial"/>
                <w:sz w:val="20"/>
                <w:szCs w:val="20"/>
              </w:rPr>
              <w:t>2019</w:t>
            </w:r>
          </w:p>
        </w:tc>
      </w:tr>
    </w:tbl>
    <w:p w:rsidRPr="00F94A99" w:rsidR="00EC6E6D" w:rsidP="00EC6E6D" w:rsidRDefault="00EC6E6D" w14:paraId="470C7B10" w14:textId="77777777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Pr="00245E8B" w:rsidR="00EC6E6D" w:rsidTr="00F94A99" w14:paraId="7828EFAB" w14:textId="77777777">
        <w:trPr>
          <w:cantSplit/>
          <w:trHeight w:val="284"/>
          <w:tblHeader/>
        </w:trPr>
        <w:tc>
          <w:tcPr>
            <w:tcW w:w="2763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0" w:color="auto" w:fill="FFFFFF"/>
          </w:tcPr>
          <w:p w:rsidRPr="00245E8B" w:rsidR="00EC6E6D" w:rsidP="00245E8B" w:rsidRDefault="00EC6E6D" w14:paraId="44D9F3AC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color="auto" w:sz="4" w:space="0"/>
              <w:left w:val="nil"/>
              <w:bottom w:val="single" w:color="auto" w:sz="4" w:space="0"/>
              <w:right w:val="double" w:color="auto" w:sz="4" w:space="0"/>
            </w:tcBorders>
            <w:shd w:val="pct20" w:color="auto" w:fill="FFFFFF"/>
          </w:tcPr>
          <w:p w:rsidRPr="00245E8B" w:rsidR="00EC6E6D" w:rsidP="00245E8B" w:rsidRDefault="00EC6E6D" w14:paraId="7865E5AC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Pr="00245E8B" w:rsidR="00EC6E6D" w:rsidTr="00F94A99" w14:paraId="35A8EC37" w14:textId="77777777">
        <w:trPr>
          <w:trHeight w:val="567"/>
        </w:trPr>
        <w:tc>
          <w:tcPr>
            <w:tcW w:w="2763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Pr="00245E8B" w:rsidR="00EC6E6D" w:rsidP="00245E8B" w:rsidRDefault="00EC6E6D" w14:paraId="557F5A72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control_items_control_item_nameX6" w:id="140"/>
            <w:bookmarkEnd w:id="140"/>
          </w:p>
        </w:tc>
        <w:tc>
          <w:tcPr>
            <w:tcW w:w="6592" w:type="dxa"/>
            <w:tcBorders>
              <w:top w:val="single" w:color="auto" w:sz="4" w:space="0"/>
              <w:left w:val="nil"/>
              <w:bottom w:val="double" w:color="auto" w:sz="4" w:space="0"/>
              <w:right w:val="double" w:color="auto" w:sz="4" w:space="0"/>
            </w:tcBorders>
          </w:tcPr>
          <w:p w:rsidRPr="00245E8B" w:rsidR="00EC6E6D" w:rsidP="00245E8B" w:rsidRDefault="00EC6E6D" w14:paraId="11BDB3D7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245E8B" w:rsidR="00EC6E6D" w:rsidP="00EC6E6D" w:rsidRDefault="00EC6E6D" w14:paraId="2C7ABACC" w14:textId="77777777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Pr="00245E8B" w:rsidR="00EC6E6D" w:rsidTr="00F94A99" w14:paraId="4324E3E1" w14:textId="77777777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color="auto" w:sz="4" w:space="0"/>
              <w:left w:val="doub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245E8B" w:rsidR="00EC6E6D" w:rsidP="00245E8B" w:rsidRDefault="00EC6E6D" w14:paraId="7B5CDC27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245E8B" w:rsidR="00EC6E6D" w:rsidP="00245E8B" w:rsidRDefault="00EC6E6D" w14:paraId="3476BF47" w14:textId="77777777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245E8B" w:rsidR="00EC6E6D" w:rsidP="00245E8B" w:rsidRDefault="00EC6E6D" w14:paraId="4A94CB0D" w14:textId="77777777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  <w:vAlign w:val="center"/>
          </w:tcPr>
          <w:p w:rsidRPr="00245E8B" w:rsidR="00EC6E6D" w:rsidP="00245E8B" w:rsidRDefault="00EC6E6D" w14:paraId="493E9DC5" w14:textId="77777777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245E8B" w:rsidR="00EC6E6D" w:rsidP="00245E8B" w:rsidRDefault="00EC6E6D" w14:paraId="02376590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245E8B" w:rsidR="00EC6E6D" w:rsidP="00245E8B" w:rsidRDefault="00EC6E6D" w14:paraId="223FF45F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color="auto" w:sz="4" w:space="0"/>
              <w:left w:val="single" w:color="auto" w:sz="4" w:space="0"/>
              <w:bottom w:val="nil"/>
              <w:right w:val="single" w:color="auto" w:sz="4" w:space="0"/>
            </w:tcBorders>
            <w:shd w:val="pct25" w:color="auto" w:fill="FFFFFF"/>
          </w:tcPr>
          <w:p w:rsidRPr="00245E8B" w:rsidR="00EC6E6D" w:rsidP="00245E8B" w:rsidRDefault="00EC6E6D" w14:paraId="0A8E96B1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color="auto" w:sz="4" w:space="0"/>
              <w:left w:val="single" w:color="auto" w:sz="4" w:space="0"/>
              <w:bottom w:val="nil"/>
              <w:right w:val="double" w:color="auto" w:sz="4" w:space="0"/>
            </w:tcBorders>
            <w:shd w:val="pct25" w:color="auto" w:fill="FFFFFF"/>
          </w:tcPr>
          <w:p w:rsidRPr="00245E8B" w:rsidR="00EC6E6D" w:rsidP="00245E8B" w:rsidRDefault="00EC6E6D" w14:paraId="1B37B4EF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Pr="00245E8B" w:rsidR="00EC6E6D" w:rsidTr="00F94A99" w14:paraId="6392C9A9" w14:textId="77777777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245E8B" w:rsidR="00EC6E6D" w:rsidP="00245E8B" w:rsidRDefault="00EC6E6D" w14:paraId="79470B46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245E8B" w:rsidR="00EC6E6D" w:rsidP="00245E8B" w:rsidRDefault="00EC6E6D" w14:paraId="358862C8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245E8B" w:rsidR="00EC6E6D" w:rsidP="00245E8B" w:rsidRDefault="00EC6E6D" w14:paraId="4C42714A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  <w:vAlign w:val="center"/>
          </w:tcPr>
          <w:p w:rsidRPr="00245E8B" w:rsidR="00EC6E6D" w:rsidP="00245E8B" w:rsidRDefault="00EC6E6D" w14:paraId="2C010D89" w14:textId="77777777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shd w:val="pct25" w:color="auto" w:fill="FFFFFF"/>
            <w:vAlign w:val="center"/>
          </w:tcPr>
          <w:p w:rsidRPr="00245E8B" w:rsidR="00EC6E6D" w:rsidP="00245E8B" w:rsidRDefault="00EC6E6D" w14:paraId="3F70F897" w14:textId="77777777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  <w:vAlign w:val="center"/>
          </w:tcPr>
          <w:p w:rsidRPr="00245E8B" w:rsidR="00EC6E6D" w:rsidP="00245E8B" w:rsidRDefault="00EC6E6D" w14:paraId="6BFD9F0E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EC6E6D" w14:paraId="7BCBD2FE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EC6E6D" w14:paraId="556A64AA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Pr="00245E8B" w:rsidR="00EC6E6D" w:rsidP="00245E8B" w:rsidRDefault="00EC6E6D" w14:paraId="6DA4BA7A" w14:textId="7777777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Pr="00245E8B" w:rsidR="00EC6E6D" w:rsidTr="00A702B2" w14:paraId="2119F459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A702B2" w14:paraId="114F559A" w14:textId="75027D56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" w:id="141"/>
            <w:bookmarkEnd w:id="141"/>
            <w:r>
              <w:rPr>
                <w:rFonts w:ascii="Arial" w:hAnsi="Arial" w:cs="Arial"/>
                <w:sz w:val="20"/>
                <w:szCs w:val="20"/>
              </w:rPr>
              <w:t>Autoruder/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bilglas</w:t>
            </w:r>
            <w:proofErr w:type="spellEnd"/>
          </w:p>
          <w:p w:rsidRPr="00245E8B" w:rsidR="00EC6E6D" w:rsidP="00245E8B" w:rsidRDefault="00EC6E6D" w14:paraId="2B93BC6E" w14:textId="77777777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EC6E6D" w14:paraId="5DB08660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2" w:id="142"/>
            <w:bookmarkEnd w:id="142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EC6E6D" w14:paraId="581FF67A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3" w:id="143"/>
            <w:bookmarkEnd w:id="143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A702B2" w14:paraId="5D3F8BD9" w14:textId="7B8F4C24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4" w:id="144"/>
            <w:bookmarkEnd w:id="144"/>
            <w:r>
              <w:rPr>
                <w:rFonts w:ascii="Arial" w:hAnsi="Arial" w:cs="Arial"/>
                <w:sz w:val="20"/>
                <w:szCs w:val="20"/>
              </w:rPr>
              <w:t>Ingen beholder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EC6E6D" w14:paraId="69E4E264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5" w:id="145"/>
            <w:bookmarkEnd w:id="145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EC6E6D" w14:paraId="0CCDF903" w14:textId="77777777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6" w:id="146"/>
            <w:bookmarkEnd w:id="146"/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A702B2" w14:paraId="54D6A408" w14:textId="436903AE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7" w:id="147"/>
            <w:bookmarkEnd w:id="147"/>
            <w:r>
              <w:rPr>
                <w:rFonts w:ascii="Arial" w:hAnsi="Arial" w:cs="Arial"/>
                <w:sz w:val="20"/>
                <w:szCs w:val="20"/>
              </w:rPr>
              <w:t xml:space="preserve">Sten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ycl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EC6E6D" w:rsidP="00245E8B" w:rsidRDefault="00A702B2" w14:paraId="495FACBC" w14:textId="2EBEF4C4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8" w:id="148"/>
            <w:bookmarkEnd w:id="148"/>
            <w:r>
              <w:rPr>
                <w:rFonts w:ascii="Arial" w:hAnsi="Arial" w:cs="Arial"/>
                <w:sz w:val="20"/>
                <w:szCs w:val="20"/>
              </w:rPr>
              <w:t xml:space="preserve">Sten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ycl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Pr="00245E8B" w:rsidR="00EC6E6D" w:rsidP="00245E8B" w:rsidRDefault="00A702B2" w14:paraId="76727C5D" w14:textId="6EC0D2C6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9" w:id="149"/>
            <w:bookmarkEnd w:id="149"/>
            <w:r>
              <w:rPr>
                <w:rFonts w:ascii="Arial" w:hAnsi="Arial" w:cs="Arial"/>
                <w:sz w:val="20"/>
                <w:szCs w:val="20"/>
              </w:rPr>
              <w:t>2018 - 1,7 t</w:t>
            </w:r>
          </w:p>
        </w:tc>
      </w:tr>
      <w:tr w:rsidRPr="00245E8B" w:rsidR="00A702B2" w:rsidTr="00A702B2" w14:paraId="2D9F1C56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E4FC01E" w14:textId="4C0ED274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0" w:id="150"/>
            <w:bookmarkEnd w:id="150"/>
            <w:r>
              <w:rPr>
                <w:rFonts w:ascii="Arial" w:hAnsi="Arial" w:cs="Arial"/>
                <w:sz w:val="20"/>
                <w:szCs w:val="20"/>
              </w:rPr>
              <w:t>Blyakkumulatorer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648A24F3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1" w:id="151"/>
            <w:bookmarkEnd w:id="151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22B86741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2" w:id="152"/>
            <w:bookmarkEnd w:id="152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75DEE73" w14:textId="6FAC835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3" w:id="153"/>
            <w:bookmarkEnd w:id="153"/>
            <w:r>
              <w:rPr>
                <w:rFonts w:ascii="Arial" w:hAnsi="Arial" w:cs="Arial"/>
                <w:sz w:val="20"/>
                <w:szCs w:val="20"/>
              </w:rPr>
              <w:t>Plastkasse, syrefast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09917059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4" w:id="154"/>
            <w:bookmarkEnd w:id="154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2B8FAD25" w14:textId="48382462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5" w:id="155"/>
            <w:bookmarkEnd w:id="155"/>
            <w:r>
              <w:rPr>
                <w:rFonts w:ascii="Arial" w:hAnsi="Arial" w:cs="Arial"/>
                <w:sz w:val="20"/>
                <w:szCs w:val="20"/>
              </w:rPr>
              <w:t>Udendørs, ubeskyttet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1F241BA" w14:textId="2CD893DA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6" w:id="156"/>
            <w:bookmarkEnd w:id="156"/>
            <w:r>
              <w:rPr>
                <w:rFonts w:ascii="Arial" w:hAnsi="Arial" w:cs="Arial"/>
                <w:sz w:val="20"/>
                <w:szCs w:val="20"/>
              </w:rPr>
              <w:t>FTZ Autodele og værktøj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05D05BE2" w14:textId="0BACDA48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7" w:id="157"/>
            <w:bookmarkEnd w:id="157"/>
            <w:r>
              <w:rPr>
                <w:rFonts w:ascii="Arial" w:hAnsi="Arial" w:cs="Arial"/>
                <w:sz w:val="20"/>
                <w:szCs w:val="20"/>
              </w:rPr>
              <w:t>FTZ Autodele og værktøj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2561A261" w14:textId="77777777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8" w:id="158"/>
            <w:bookmarkEnd w:id="158"/>
          </w:p>
        </w:tc>
      </w:tr>
      <w:tr w:rsidRPr="00245E8B" w:rsidR="00A702B2" w:rsidTr="00A702B2" w14:paraId="70572950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3113C572" w14:textId="5AD8CE5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9" w:id="159"/>
            <w:bookmarkEnd w:id="159"/>
            <w:r>
              <w:rPr>
                <w:rFonts w:ascii="Arial" w:hAnsi="Arial" w:cs="Arial"/>
                <w:sz w:val="20"/>
                <w:szCs w:val="20"/>
              </w:rPr>
              <w:t>Bremse- og koblingsdele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5E8A6281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20" w:id="160"/>
            <w:bookmarkEnd w:id="160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7DF1E2A0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21" w:id="161"/>
            <w:bookmarkEnd w:id="161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3900651" w14:textId="4A707EDA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22" w:id="162"/>
            <w:bookmarkEnd w:id="162"/>
            <w:r>
              <w:rPr>
                <w:rFonts w:ascii="Arial" w:hAnsi="Arial" w:cs="Arial"/>
                <w:sz w:val="20"/>
                <w:szCs w:val="20"/>
              </w:rPr>
              <w:t>Beholder - åben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074F2460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23" w:id="163"/>
            <w:bookmarkEnd w:id="163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02332D47" w14:textId="58BF4138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24" w:id="164"/>
            <w:bookmarkEnd w:id="164"/>
            <w:r>
              <w:rPr>
                <w:rFonts w:ascii="Arial" w:hAnsi="Arial" w:cs="Arial"/>
                <w:sz w:val="20"/>
                <w:szCs w:val="20"/>
              </w:rPr>
              <w:t>Indendørs, tæt belægning, u. risiko for afløb til kloak m.m.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005CAB54" w14:textId="3C35DAE2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25" w:id="165"/>
            <w:bookmarkEnd w:id="165"/>
            <w:r>
              <w:rPr>
                <w:rFonts w:ascii="Arial" w:hAnsi="Arial" w:cs="Arial"/>
                <w:sz w:val="20"/>
                <w:szCs w:val="20"/>
              </w:rPr>
              <w:t xml:space="preserve">Sten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ycl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7E256146" w14:textId="791AEC43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26" w:id="166"/>
            <w:bookmarkEnd w:id="166"/>
            <w:r>
              <w:rPr>
                <w:rFonts w:ascii="Arial" w:hAnsi="Arial" w:cs="Arial"/>
                <w:sz w:val="20"/>
                <w:szCs w:val="20"/>
              </w:rPr>
              <w:t xml:space="preserve">Sten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ycl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7B11AE43" w14:textId="18E6B037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27" w:id="167"/>
            <w:bookmarkEnd w:id="167"/>
            <w:r>
              <w:rPr>
                <w:rFonts w:ascii="Arial" w:hAnsi="Arial" w:cs="Arial"/>
                <w:sz w:val="20"/>
                <w:szCs w:val="20"/>
              </w:rPr>
              <w:t xml:space="preserve">Jern og metal - Bremseskiver og metaldele med rester af olie. Opbevares 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et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beholder unde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værkstedsbenk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</w:t>
            </w:r>
          </w:p>
        </w:tc>
      </w:tr>
      <w:tr w:rsidRPr="00245E8B" w:rsidR="00A702B2" w:rsidTr="00A702B2" w14:paraId="1F09B049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635EDB7E" w14:textId="51BCB0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28" w:id="168"/>
            <w:bookmarkEnd w:id="168"/>
            <w:r>
              <w:rPr>
                <w:rFonts w:ascii="Arial" w:hAnsi="Arial" w:cs="Arial"/>
                <w:sz w:val="20"/>
                <w:szCs w:val="20"/>
              </w:rPr>
              <w:t>Dagrenovation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491756E7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29" w:id="169"/>
            <w:bookmarkEnd w:id="169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1F6DA580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30" w:id="170"/>
            <w:bookmarkEnd w:id="170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C72E136" w14:textId="4ECDA989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31" w:id="171"/>
            <w:bookmarkEnd w:id="171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6E36B9EB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32" w:id="172"/>
            <w:bookmarkEnd w:id="172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4875C64" w14:textId="42EDD79E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33" w:id="173"/>
            <w:bookmarkEnd w:id="173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7F03116" w14:textId="3975A2FD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34" w:id="174"/>
            <w:bookmarkEnd w:id="174"/>
            <w:r>
              <w:rPr>
                <w:rFonts w:ascii="Arial" w:hAnsi="Arial" w:cs="Arial"/>
                <w:sz w:val="20"/>
                <w:szCs w:val="20"/>
              </w:rPr>
              <w:t xml:space="preserve">Sten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ycl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7497DAC7" w14:textId="70FA8E89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35" w:id="175"/>
            <w:bookmarkEnd w:id="175"/>
            <w:r>
              <w:rPr>
                <w:rFonts w:ascii="Arial" w:hAnsi="Arial" w:cs="Arial"/>
                <w:sz w:val="20"/>
                <w:szCs w:val="20"/>
              </w:rPr>
              <w:t xml:space="preserve">Sten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ycl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00B0F092" w14:textId="573B1AAD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36" w:id="176"/>
            <w:bookmarkEnd w:id="176"/>
            <w:r>
              <w:rPr>
                <w:rFonts w:ascii="Arial" w:hAnsi="Arial" w:cs="Arial"/>
                <w:sz w:val="20"/>
                <w:szCs w:val="20"/>
              </w:rPr>
              <w:t>2018 - 3,5t</w:t>
            </w:r>
          </w:p>
        </w:tc>
      </w:tr>
      <w:tr w:rsidRPr="00245E8B" w:rsidR="00A702B2" w:rsidTr="00A702B2" w14:paraId="2B2A399C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7336712B" w14:textId="0DF0D896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37" w:id="177"/>
            <w:bookmarkEnd w:id="177"/>
            <w:r>
              <w:rPr>
                <w:rFonts w:ascii="Arial" w:hAnsi="Arial" w:cs="Arial"/>
                <w:sz w:val="20"/>
                <w:szCs w:val="20"/>
              </w:rPr>
              <w:t>Dæk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0AA07264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38" w:id="178"/>
            <w:bookmarkEnd w:id="178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48510BDE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39" w:id="179"/>
            <w:bookmarkEnd w:id="179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68411D8F" w14:textId="6BB1ADD5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40" w:id="180"/>
            <w:bookmarkEnd w:id="180"/>
            <w:r>
              <w:rPr>
                <w:rFonts w:ascii="Arial" w:hAnsi="Arial" w:cs="Arial"/>
                <w:sz w:val="20"/>
                <w:szCs w:val="20"/>
              </w:rPr>
              <w:t>Ingen beholder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2517F5F4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41" w:id="181"/>
            <w:bookmarkEnd w:id="181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234366E9" w14:textId="1A66BF30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42" w:id="182"/>
            <w:bookmarkEnd w:id="182"/>
            <w:r>
              <w:rPr>
                <w:rFonts w:ascii="Arial" w:hAnsi="Arial" w:cs="Arial"/>
                <w:sz w:val="20"/>
                <w:szCs w:val="20"/>
              </w:rPr>
              <w:t>Udendørs, ubeskyttet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6BCFC73E" w14:textId="72C1632F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43" w:id="183"/>
            <w:bookmarkEnd w:id="183"/>
            <w:proofErr w:type="gramStart"/>
            <w:r>
              <w:rPr>
                <w:rFonts w:ascii="Arial" w:hAnsi="Arial" w:cs="Arial"/>
                <w:sz w:val="20"/>
                <w:szCs w:val="20"/>
              </w:rPr>
              <w:t xml:space="preserve">VISLI 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ps</w:t>
            </w:r>
            <w:proofErr w:type="spellEnd"/>
            <w:proofErr w:type="gramEnd"/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D1B841F" w14:textId="0006FE9C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44" w:id="184"/>
            <w:bookmarkEnd w:id="184"/>
            <w:r>
              <w:rPr>
                <w:rFonts w:ascii="Arial" w:hAnsi="Arial" w:cs="Arial"/>
                <w:sz w:val="20"/>
                <w:szCs w:val="20"/>
              </w:rPr>
              <w:t xml:space="preserve">VISLI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ps</w:t>
            </w:r>
            <w:proofErr w:type="spellEnd"/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43A850A2" w14:textId="276255F4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45" w:id="185"/>
            <w:bookmarkEnd w:id="185"/>
            <w:r>
              <w:rPr>
                <w:rFonts w:ascii="Arial" w:hAnsi="Arial" w:cs="Arial"/>
                <w:sz w:val="20"/>
                <w:szCs w:val="20"/>
              </w:rPr>
              <w:t>7-8 t/år</w:t>
            </w:r>
          </w:p>
        </w:tc>
      </w:tr>
      <w:tr w:rsidRPr="00245E8B" w:rsidR="00A702B2" w:rsidTr="00A702B2" w14:paraId="6E1A31A6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6F674D1B" w14:textId="7DEF9DE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46" w:id="186"/>
            <w:bookmarkEnd w:id="186"/>
            <w:r>
              <w:rPr>
                <w:rFonts w:ascii="Arial" w:hAnsi="Arial" w:cs="Arial"/>
                <w:sz w:val="20"/>
                <w:szCs w:val="20"/>
              </w:rPr>
              <w:t>Elektronikaffald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6905EFBB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47" w:id="187"/>
            <w:bookmarkEnd w:id="187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23CABA91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48" w:id="188"/>
            <w:bookmarkEnd w:id="188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33641A27" w14:textId="6C8A40DF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49" w:id="189"/>
            <w:bookmarkEnd w:id="189"/>
            <w:r>
              <w:rPr>
                <w:rFonts w:ascii="Arial" w:hAnsi="Arial" w:cs="Arial"/>
                <w:sz w:val="20"/>
                <w:szCs w:val="20"/>
              </w:rPr>
              <w:t>Spændelågsfad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224C1CF7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50" w:id="190"/>
            <w:bookmarkEnd w:id="190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5CFFFE8E" w14:textId="0EE798A3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51" w:id="191"/>
            <w:bookmarkEnd w:id="191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63D56AB8" w14:textId="65D74ECC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52" w:id="192"/>
            <w:bookmarkEnd w:id="192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0D6C0C95" w14:textId="0FF6E10C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53" w:id="193"/>
            <w:bookmarkEnd w:id="193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052B6DA6" w14:textId="77777777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54" w:id="194"/>
            <w:bookmarkEnd w:id="194"/>
          </w:p>
        </w:tc>
      </w:tr>
      <w:tr w:rsidRPr="00245E8B" w:rsidR="00A702B2" w:rsidTr="00A702B2" w14:paraId="1876FAAD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0C77CA0F" w14:textId="277B8CE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55" w:id="195"/>
            <w:bookmarkEnd w:id="195"/>
            <w:r>
              <w:rPr>
                <w:rFonts w:ascii="Arial" w:hAnsi="Arial" w:cs="Arial"/>
                <w:sz w:val="20"/>
                <w:szCs w:val="20"/>
              </w:rPr>
              <w:t>Fast olieholdigt affald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6A8F4723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56" w:id="196"/>
            <w:bookmarkEnd w:id="196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15A8F192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57" w:id="197"/>
            <w:bookmarkEnd w:id="197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0D481814" w14:textId="49DA1DEA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58" w:id="198"/>
            <w:bookmarkEnd w:id="198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21D066EC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59" w:id="199"/>
            <w:bookmarkEnd w:id="199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5309334A" w14:textId="4FBA6E3A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60" w:id="200"/>
            <w:bookmarkEnd w:id="200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230189A2" w14:textId="3E238734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61" w:id="201"/>
            <w:bookmarkEnd w:id="201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0D09C6F9" w14:textId="7406B173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62" w:id="202"/>
            <w:bookmarkEnd w:id="202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4B22FDFF" w14:textId="77777777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63" w:id="203"/>
            <w:bookmarkEnd w:id="203"/>
          </w:p>
        </w:tc>
      </w:tr>
      <w:tr w:rsidRPr="00245E8B" w:rsidR="00A702B2" w:rsidTr="00A702B2" w14:paraId="5B068FEA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7B737336" w14:textId="25CBF2D4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64" w:id="204"/>
            <w:bookmarkEnd w:id="204"/>
            <w:r>
              <w:rPr>
                <w:rFonts w:ascii="Arial" w:hAnsi="Arial" w:cs="Arial"/>
                <w:sz w:val="20"/>
                <w:szCs w:val="20"/>
              </w:rPr>
              <w:t>Jern og metal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1717CAF7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65" w:id="205"/>
            <w:bookmarkEnd w:id="205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06D23263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66" w:id="206"/>
            <w:bookmarkEnd w:id="206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8E3AC79" w14:textId="1C2F7B4C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67" w:id="207"/>
            <w:bookmarkEnd w:id="207"/>
            <w:r>
              <w:rPr>
                <w:rFonts w:ascii="Arial" w:hAnsi="Arial" w:cs="Arial"/>
                <w:sz w:val="20"/>
                <w:szCs w:val="20"/>
              </w:rPr>
              <w:t>Beholder - åben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615C73C0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68" w:id="208"/>
            <w:bookmarkEnd w:id="208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32D165C4" w14:textId="6499C2A3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69" w:id="209"/>
            <w:bookmarkEnd w:id="209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2639E1F4" w14:textId="79CCD19C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70" w:id="210"/>
            <w:bookmarkEnd w:id="210"/>
            <w:r>
              <w:rPr>
                <w:rFonts w:ascii="Arial" w:hAnsi="Arial" w:cs="Arial"/>
                <w:sz w:val="20"/>
                <w:szCs w:val="20"/>
              </w:rPr>
              <w:t xml:space="preserve">Sten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ycl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59E07A3" w14:textId="41924B2D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71" w:id="211"/>
            <w:bookmarkEnd w:id="211"/>
            <w:r>
              <w:rPr>
                <w:rFonts w:ascii="Arial" w:hAnsi="Arial" w:cs="Arial"/>
                <w:sz w:val="20"/>
                <w:szCs w:val="20"/>
              </w:rPr>
              <w:t xml:space="preserve">Sten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ycl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6A97C251" w14:textId="245AE0C8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72" w:id="212"/>
            <w:bookmarkEnd w:id="212"/>
            <w:r>
              <w:rPr>
                <w:rFonts w:ascii="Arial" w:hAnsi="Arial" w:cs="Arial"/>
                <w:sz w:val="20"/>
                <w:szCs w:val="20"/>
              </w:rPr>
              <w:t>2018 - 3,4t Metalaffald med olierester/forurening opbevares indendørs i kasse under bænk i værkstedet.</w:t>
            </w:r>
          </w:p>
        </w:tc>
      </w:tr>
      <w:tr w:rsidRPr="00245E8B" w:rsidR="00A702B2" w:rsidTr="00A702B2" w14:paraId="081D05CC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2E549E50" w14:textId="5C741A7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73" w:id="213"/>
            <w:bookmarkEnd w:id="213"/>
            <w:r>
              <w:rPr>
                <w:rFonts w:ascii="Arial" w:hAnsi="Arial" w:cs="Arial"/>
                <w:sz w:val="20"/>
                <w:szCs w:val="20"/>
              </w:rPr>
              <w:t>Kølervæske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7F4A25E5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74" w:id="214"/>
            <w:bookmarkEnd w:id="214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5A9CC34B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75" w:id="215"/>
            <w:bookmarkEnd w:id="215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AFCECE3" w14:textId="6D28C370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76" w:id="216"/>
            <w:bookmarkEnd w:id="216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641895BB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77" w:id="217"/>
            <w:bookmarkEnd w:id="217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E351BE6" w14:textId="4FDE88F6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78" w:id="218"/>
            <w:bookmarkEnd w:id="218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767C0EC8" w14:textId="27392727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79" w:id="219"/>
            <w:bookmarkEnd w:id="219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05012C2" w14:textId="569FB837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80" w:id="220"/>
            <w:bookmarkEnd w:id="220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6AEC58F1" w14:textId="486B06E6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81" w:id="221"/>
            <w:bookmarkEnd w:id="221"/>
            <w:r>
              <w:rPr>
                <w:rFonts w:ascii="Arial" w:hAnsi="Arial" w:cs="Arial"/>
                <w:sz w:val="20"/>
                <w:szCs w:val="20"/>
              </w:rPr>
              <w:t>Miljøcontainer udendørs. 2018 - 200 kg</w:t>
            </w:r>
          </w:p>
        </w:tc>
      </w:tr>
      <w:tr w:rsidRPr="00245E8B" w:rsidR="00A702B2" w:rsidTr="00A702B2" w14:paraId="527B1ACE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3E9B13DD" w14:textId="57C04340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82" w:id="222"/>
            <w:bookmarkEnd w:id="222"/>
            <w:r>
              <w:rPr>
                <w:rFonts w:ascii="Arial" w:hAnsi="Arial" w:cs="Arial"/>
                <w:sz w:val="20"/>
                <w:szCs w:val="20"/>
              </w:rPr>
              <w:t>Limaffald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5E55C86B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83" w:id="223"/>
            <w:bookmarkEnd w:id="223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1BF6A77C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84" w:id="224"/>
            <w:bookmarkEnd w:id="224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60840820" w14:textId="05E0D61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85" w:id="225"/>
            <w:bookmarkEnd w:id="225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4438A9C9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86" w:id="226"/>
            <w:bookmarkEnd w:id="226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CD66F04" w14:textId="1D8273D9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87" w:id="227"/>
            <w:bookmarkEnd w:id="227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596DD4FA" w14:textId="30A2FB7D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88" w:id="228"/>
            <w:bookmarkEnd w:id="228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65906391" w14:textId="7796B1F7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89" w:id="229"/>
            <w:bookmarkEnd w:id="229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6F48AF54" w14:textId="6B363C7A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90" w:id="230"/>
            <w:bookmarkEnd w:id="230"/>
            <w:r>
              <w:rPr>
                <w:rFonts w:ascii="Arial" w:hAnsi="Arial" w:cs="Arial"/>
                <w:sz w:val="20"/>
                <w:szCs w:val="20"/>
              </w:rPr>
              <w:t xml:space="preserve">2018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 xml:space="preserve">- 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ca</w:t>
            </w:r>
            <w:proofErr w:type="spellEnd"/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100 kg</w:t>
            </w:r>
          </w:p>
        </w:tc>
      </w:tr>
      <w:tr w:rsidRPr="00245E8B" w:rsidR="00A702B2" w:rsidTr="00A702B2" w14:paraId="1B9310B3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5DF7EDEF" w14:textId="73F46EE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91" w:id="231"/>
            <w:bookmarkEnd w:id="231"/>
            <w:r>
              <w:rPr>
                <w:rFonts w:ascii="Arial" w:hAnsi="Arial" w:cs="Arial"/>
                <w:sz w:val="20"/>
                <w:szCs w:val="20"/>
              </w:rPr>
              <w:t>Oliefiltre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0B6FD9C5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92" w:id="232"/>
            <w:bookmarkEnd w:id="232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5D021C47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93" w:id="233"/>
            <w:bookmarkEnd w:id="233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3503B519" w14:textId="03507A61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94" w:id="234"/>
            <w:bookmarkEnd w:id="234"/>
            <w:r>
              <w:rPr>
                <w:rFonts w:ascii="Arial" w:hAnsi="Arial" w:cs="Arial"/>
                <w:sz w:val="20"/>
                <w:szCs w:val="20"/>
              </w:rPr>
              <w:t>Spændelågsfad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6A4749BC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95" w:id="235"/>
            <w:bookmarkEnd w:id="235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BE4A057" w14:textId="41738D84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96" w:id="236"/>
            <w:bookmarkEnd w:id="236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CE80ACA" w14:textId="0908D63A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97" w:id="237"/>
            <w:bookmarkEnd w:id="237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0CF2B16A" w14:textId="330F2E50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98" w:id="238"/>
            <w:bookmarkEnd w:id="238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558CF4AA" w14:textId="6870723A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99" w:id="239"/>
            <w:bookmarkEnd w:id="239"/>
            <w:r>
              <w:rPr>
                <w:rFonts w:ascii="Arial" w:hAnsi="Arial" w:cs="Arial"/>
                <w:sz w:val="20"/>
                <w:szCs w:val="20"/>
              </w:rPr>
              <w:t>2018 - ca. 200 kg</w:t>
            </w:r>
          </w:p>
        </w:tc>
      </w:tr>
      <w:tr w:rsidRPr="00245E8B" w:rsidR="00A702B2" w:rsidTr="00A702B2" w14:paraId="1190A5AB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0DF4E7D" w14:textId="75303D0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00" w:id="240"/>
            <w:bookmarkEnd w:id="240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51D2F85C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01" w:id="241"/>
            <w:bookmarkEnd w:id="241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258ED14B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02" w:id="242"/>
            <w:bookmarkEnd w:id="242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72FFE4FD" w14:textId="56A22051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03" w:id="243"/>
            <w:bookmarkEnd w:id="243"/>
            <w:r>
              <w:rPr>
                <w:rFonts w:ascii="Arial" w:hAnsi="Arial" w:cs="Arial"/>
                <w:sz w:val="20"/>
                <w:szCs w:val="20"/>
              </w:rPr>
              <w:t>Olieudskiller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5E00A755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04" w:id="244"/>
            <w:bookmarkEnd w:id="244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5A205799" w14:textId="24BE971F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05" w:id="245"/>
            <w:bookmarkEnd w:id="245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25CD5BC1" w14:textId="3EB855F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06" w:id="246"/>
            <w:bookmarkEnd w:id="246"/>
            <w:r>
              <w:rPr>
                <w:rFonts w:ascii="Arial" w:hAnsi="Arial" w:cs="Arial"/>
                <w:sz w:val="20"/>
                <w:szCs w:val="20"/>
              </w:rPr>
              <w:t>Aalborg kloakservice A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5245C66A" w14:textId="40C7503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07" w:id="247"/>
            <w:bookmarkEnd w:id="247"/>
            <w:r>
              <w:rPr>
                <w:rFonts w:ascii="Arial" w:hAnsi="Arial" w:cs="Arial"/>
                <w:sz w:val="20"/>
                <w:szCs w:val="20"/>
              </w:rPr>
              <w:t>AKS MODTAGERSTATION ApS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59D9BF67" w14:textId="395DBD4D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08" w:id="248"/>
            <w:bookmarkEnd w:id="248"/>
            <w:r>
              <w:rPr>
                <w:rFonts w:ascii="Arial" w:hAnsi="Arial" w:cs="Arial"/>
                <w:sz w:val="20"/>
                <w:szCs w:val="20"/>
              </w:rPr>
              <w:t>2018 - 1000 kg (bundtømning)</w:t>
            </w:r>
          </w:p>
        </w:tc>
      </w:tr>
      <w:tr w:rsidRPr="00245E8B" w:rsidR="00A702B2" w:rsidTr="00A702B2" w14:paraId="7CFE0F48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07B953A" w14:textId="399D4873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09" w:id="249"/>
            <w:bookmarkEnd w:id="249"/>
            <w:r>
              <w:rPr>
                <w:rFonts w:ascii="Arial" w:hAnsi="Arial" w:cs="Arial"/>
                <w:sz w:val="20"/>
                <w:szCs w:val="20"/>
              </w:rPr>
              <w:t>Papir og pap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70187EA6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10" w:id="250"/>
            <w:bookmarkEnd w:id="250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76BFA96D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11" w:id="251"/>
            <w:bookmarkEnd w:id="251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31D3B601" w14:textId="61F13107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12" w:id="252"/>
            <w:bookmarkEnd w:id="252"/>
            <w:r>
              <w:rPr>
                <w:rFonts w:ascii="Arial" w:hAnsi="Arial" w:cs="Arial"/>
                <w:sz w:val="20"/>
                <w:szCs w:val="20"/>
              </w:rPr>
              <w:t>Container - lukket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21FA2480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13" w:id="253"/>
            <w:bookmarkEnd w:id="253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456F7B4" w14:textId="7CF2BDC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14" w:id="254"/>
            <w:bookmarkEnd w:id="254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67696684" w14:textId="0768164D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15" w:id="255"/>
            <w:bookmarkEnd w:id="255"/>
            <w:r>
              <w:rPr>
                <w:rFonts w:ascii="Arial" w:hAnsi="Arial" w:cs="Arial"/>
                <w:sz w:val="20"/>
                <w:szCs w:val="20"/>
              </w:rPr>
              <w:t>REMONDIS A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518EC3A6" w14:textId="3F2C3DB2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16" w:id="256"/>
            <w:bookmarkEnd w:id="256"/>
            <w:r>
              <w:rPr>
                <w:rFonts w:ascii="Arial" w:hAnsi="Arial" w:cs="Arial"/>
                <w:sz w:val="20"/>
                <w:szCs w:val="20"/>
              </w:rPr>
              <w:t xml:space="preserve">Sten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ycl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6CF48E25" w14:textId="1F47B892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17" w:id="257"/>
            <w:bookmarkEnd w:id="257"/>
            <w:r>
              <w:rPr>
                <w:rFonts w:ascii="Arial" w:hAnsi="Arial" w:cs="Arial"/>
                <w:sz w:val="20"/>
                <w:szCs w:val="20"/>
              </w:rPr>
              <w:t>2018 - 2,4 t</w:t>
            </w:r>
          </w:p>
        </w:tc>
      </w:tr>
      <w:tr w:rsidRPr="00245E8B" w:rsidR="00A702B2" w:rsidTr="00A702B2" w14:paraId="0BDD6A1C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362282BB" w14:textId="483C79C8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18" w:id="258"/>
            <w:bookmarkEnd w:id="258"/>
            <w:r>
              <w:rPr>
                <w:rFonts w:ascii="Arial" w:hAnsi="Arial" w:cs="Arial"/>
                <w:sz w:val="20"/>
                <w:szCs w:val="20"/>
              </w:rPr>
              <w:t>Plast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64FE102E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19" w:id="259"/>
            <w:bookmarkEnd w:id="259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01BFA329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20" w:id="260"/>
            <w:bookmarkEnd w:id="260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2FE30555" w14:textId="5318BDAE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21" w:id="261"/>
            <w:bookmarkEnd w:id="261"/>
            <w:r>
              <w:rPr>
                <w:rFonts w:ascii="Arial" w:hAnsi="Arial" w:cs="Arial"/>
                <w:sz w:val="20"/>
                <w:szCs w:val="20"/>
              </w:rPr>
              <w:t>Container - åben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33505284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22" w:id="262"/>
            <w:bookmarkEnd w:id="262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2B7A6B1F" w14:textId="773195BF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23" w:id="263"/>
            <w:bookmarkEnd w:id="263"/>
            <w:r>
              <w:rPr>
                <w:rFonts w:ascii="Arial" w:hAnsi="Arial" w:cs="Arial"/>
                <w:sz w:val="20"/>
                <w:szCs w:val="20"/>
              </w:rPr>
              <w:t>Udendør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126C3D96" w14:textId="444AC2E9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24" w:id="264"/>
            <w:bookmarkEnd w:id="264"/>
            <w:r>
              <w:rPr>
                <w:rFonts w:ascii="Arial" w:hAnsi="Arial" w:cs="Arial"/>
                <w:sz w:val="20"/>
                <w:szCs w:val="20"/>
              </w:rPr>
              <w:t xml:space="preserve">Sten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ycl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5D83553E" w14:textId="03244EAC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25" w:id="265"/>
            <w:bookmarkEnd w:id="265"/>
            <w:r>
              <w:rPr>
                <w:rFonts w:ascii="Arial" w:hAnsi="Arial" w:cs="Arial"/>
                <w:sz w:val="20"/>
                <w:szCs w:val="20"/>
              </w:rPr>
              <w:t xml:space="preserve">Stena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cycl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/S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126A1CBE" w14:textId="22EAD0C9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26" w:id="266"/>
            <w:bookmarkEnd w:id="266"/>
            <w:r>
              <w:rPr>
                <w:rFonts w:ascii="Arial" w:hAnsi="Arial" w:cs="Arial"/>
                <w:sz w:val="20"/>
                <w:szCs w:val="20"/>
              </w:rPr>
              <w:t>Plastkofangere mm. 2018 - 350 kg</w:t>
            </w:r>
          </w:p>
        </w:tc>
      </w:tr>
      <w:tr w:rsidRPr="00245E8B" w:rsidR="00A702B2" w:rsidTr="00A702B2" w14:paraId="3B37171E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6C3DFDEA" w14:textId="4B7EB78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27" w:id="267"/>
            <w:bookmarkEnd w:id="267"/>
            <w:r>
              <w:rPr>
                <w:rFonts w:ascii="Arial" w:hAnsi="Arial" w:cs="Arial"/>
                <w:sz w:val="20"/>
                <w:szCs w:val="20"/>
              </w:rPr>
              <w:t>Spildolie (motor, gear.)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2142DF8A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28" w:id="268"/>
            <w:bookmarkEnd w:id="268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1D866968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29" w:id="269"/>
            <w:bookmarkEnd w:id="269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48867E11" w14:textId="5754C4BC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30" w:id="270"/>
            <w:bookmarkEnd w:id="270"/>
            <w:r>
              <w:rPr>
                <w:rFonts w:ascii="Arial" w:hAnsi="Arial" w:cs="Arial"/>
                <w:sz w:val="20"/>
                <w:szCs w:val="20"/>
              </w:rPr>
              <w:t>Olietank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245E8B" w:rsidR="00A702B2" w:rsidP="00245E8B" w:rsidRDefault="00A702B2" w14:paraId="6A9F305C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31" w:id="271"/>
            <w:bookmarkEnd w:id="271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="00A702B2" w:rsidP="00245E8B" w:rsidRDefault="00A702B2" w14:paraId="780F1F9F" w14:textId="77777777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32" w:id="272"/>
            <w:bookmarkEnd w:id="272"/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160890" w:rsidR="00A702B2" w:rsidP="00245E8B" w:rsidRDefault="00A702B2" w14:paraId="773D0DAB" w14:textId="6A0C4DB1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name="wst_fraction_1_fraction_1_nameX2_133" w:id="273"/>
            <w:bookmarkEnd w:id="273"/>
            <w:r w:rsidRPr="00160890">
              <w:rPr>
                <w:rFonts w:ascii="Arial" w:hAnsi="Arial" w:cs="Arial"/>
                <w:sz w:val="20"/>
                <w:szCs w:val="20"/>
                <w:lang w:val="en-US"/>
              </w:rPr>
              <w:t>Fortum Waste Solutions OW A/S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</w:tcPr>
          <w:p w:rsidRPr="00160890" w:rsidR="00A702B2" w:rsidP="00245E8B" w:rsidRDefault="00A702B2" w14:paraId="7C426383" w14:textId="750D60A1">
            <w:pPr>
              <w:spacing w:after="0"/>
              <w:ind w:left="72"/>
              <w:rPr>
                <w:rFonts w:ascii="Arial" w:hAnsi="Arial" w:cs="Arial"/>
                <w:sz w:val="20"/>
                <w:szCs w:val="20"/>
                <w:lang w:val="en-US"/>
              </w:rPr>
            </w:pPr>
            <w:bookmarkStart w:name="wst_fraction_1_fraction_1_nameX2_134" w:id="274"/>
            <w:bookmarkEnd w:id="274"/>
            <w:r w:rsidRPr="00160890">
              <w:rPr>
                <w:rFonts w:ascii="Arial" w:hAnsi="Arial" w:cs="Arial"/>
                <w:sz w:val="20"/>
                <w:szCs w:val="20"/>
                <w:lang w:val="en-US"/>
              </w:rPr>
              <w:t>Fortum Waste Solutions OW A/S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double" w:color="auto" w:sz="4" w:space="0"/>
            </w:tcBorders>
          </w:tcPr>
          <w:p w:rsidR="00A702B2" w:rsidP="00245E8B" w:rsidRDefault="00A702B2" w14:paraId="19F08550" w14:textId="1D40FED2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35" w:id="275"/>
            <w:bookmarkEnd w:id="275"/>
            <w:r>
              <w:rPr>
                <w:rFonts w:ascii="Arial" w:hAnsi="Arial" w:cs="Arial"/>
                <w:sz w:val="20"/>
                <w:szCs w:val="20"/>
              </w:rPr>
              <w:t xml:space="preserve">Udendørs 1225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l  plasttank</w:t>
            </w:r>
            <w:proofErr w:type="gramEnd"/>
          </w:p>
        </w:tc>
      </w:tr>
      <w:tr w:rsidRPr="00245E8B" w:rsidR="00A702B2" w:rsidTr="00CB4935" w14:paraId="31AF7CBF" w14:textId="77777777">
        <w:trPr>
          <w:cantSplit/>
          <w:trHeight w:val="113"/>
        </w:trPr>
        <w:tc>
          <w:tcPr>
            <w:tcW w:w="992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="00A702B2" w:rsidP="00245E8B" w:rsidRDefault="00A702B2" w14:paraId="6ED53E62" w14:textId="34517245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36" w:id="276"/>
            <w:bookmarkEnd w:id="276"/>
            <w:r>
              <w:rPr>
                <w:rFonts w:ascii="Arial" w:hAnsi="Arial" w:cs="Arial"/>
                <w:sz w:val="20"/>
                <w:szCs w:val="20"/>
              </w:rPr>
              <w:t>Spraydåser</w:t>
            </w:r>
          </w:p>
        </w:tc>
        <w:tc>
          <w:tcPr>
            <w:tcW w:w="709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245E8B" w:rsidR="00A702B2" w:rsidP="00245E8B" w:rsidRDefault="00A702B2" w14:paraId="05C72E04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37" w:id="277"/>
            <w:bookmarkEnd w:id="277"/>
          </w:p>
        </w:tc>
        <w:tc>
          <w:tcPr>
            <w:tcW w:w="567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245E8B" w:rsidR="00A702B2" w:rsidP="00245E8B" w:rsidRDefault="00A702B2" w14:paraId="453CFF08" w14:textId="77777777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38" w:id="278"/>
            <w:bookmarkEnd w:id="278"/>
          </w:p>
        </w:tc>
        <w:tc>
          <w:tcPr>
            <w:tcW w:w="850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="00A702B2" w:rsidP="00245E8B" w:rsidRDefault="00A702B2" w14:paraId="5010BCDB" w14:textId="33999476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39" w:id="279"/>
            <w:bookmarkEnd w:id="279"/>
            <w:r>
              <w:rPr>
                <w:rFonts w:ascii="Arial" w:hAnsi="Arial" w:cs="Arial"/>
                <w:sz w:val="20"/>
                <w:szCs w:val="20"/>
              </w:rPr>
              <w:t>Spændelågsfad</w:t>
            </w:r>
          </w:p>
        </w:tc>
        <w:tc>
          <w:tcPr>
            <w:tcW w:w="851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Pr="00245E8B" w:rsidR="00A702B2" w:rsidP="00245E8B" w:rsidRDefault="00A702B2" w14:paraId="2D2A0D6E" w14:textId="77777777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40" w:id="280"/>
            <w:bookmarkEnd w:id="280"/>
          </w:p>
        </w:tc>
        <w:tc>
          <w:tcPr>
            <w:tcW w:w="1275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="00A702B2" w:rsidP="00245E8B" w:rsidRDefault="00A702B2" w14:paraId="4151EFB4" w14:textId="25E15314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41" w:id="281"/>
            <w:bookmarkEnd w:id="281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="00A702B2" w:rsidP="00245E8B" w:rsidRDefault="00A702B2" w14:paraId="7F65B5D0" w14:textId="503CE26F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42" w:id="282"/>
            <w:bookmarkEnd w:id="282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276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single" w:color="auto" w:sz="4" w:space="0"/>
            </w:tcBorders>
          </w:tcPr>
          <w:p w:rsidR="00A702B2" w:rsidP="00245E8B" w:rsidRDefault="00A702B2" w14:paraId="7BFCDC34" w14:textId="4AC790B1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43" w:id="283"/>
            <w:bookmarkEnd w:id="283"/>
            <w:r>
              <w:rPr>
                <w:rFonts w:ascii="Arial" w:hAnsi="Arial" w:cs="Arial"/>
                <w:sz w:val="20"/>
                <w:szCs w:val="20"/>
              </w:rPr>
              <w:t>I/S Reno Nord</w:t>
            </w:r>
          </w:p>
        </w:tc>
        <w:tc>
          <w:tcPr>
            <w:tcW w:w="1559" w:type="dxa"/>
            <w:tcBorders>
              <w:top w:val="single" w:color="auto" w:sz="4" w:space="0"/>
              <w:left w:val="single" w:color="auto" w:sz="4" w:space="0"/>
              <w:bottom w:val="double" w:color="auto" w:sz="4" w:space="0"/>
              <w:right w:val="double" w:color="auto" w:sz="4" w:space="0"/>
            </w:tcBorders>
          </w:tcPr>
          <w:p w:rsidR="00A702B2" w:rsidP="00245E8B" w:rsidRDefault="00A702B2" w14:paraId="2E98A99B" w14:textId="6506C45E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name="wst_fraction_1_fraction_1_nameX2_144" w:id="284"/>
            <w:bookmarkEnd w:id="284"/>
            <w:r>
              <w:rPr>
                <w:rFonts w:ascii="Arial" w:hAnsi="Arial" w:cs="Arial"/>
                <w:sz w:val="20"/>
                <w:szCs w:val="20"/>
              </w:rPr>
              <w:t>Miljøcontainer udendørs. 2018 - 51kg</w:t>
            </w:r>
          </w:p>
        </w:tc>
      </w:tr>
    </w:tbl>
    <w:p w:rsidRPr="00F94A99" w:rsidR="00EC6E6D" w:rsidP="00EC6E6D" w:rsidRDefault="00EC6E6D" w14:paraId="7BBFB7D8" w14:textId="77777777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Pr="00245E8B" w:rsidR="00EC6E6D" w:rsidTr="00F94A99" w14:paraId="304453D1" w14:textId="77777777">
        <w:trPr>
          <w:cantSplit/>
          <w:trHeight w:val="284"/>
          <w:tblHeader/>
        </w:trPr>
        <w:tc>
          <w:tcPr>
            <w:tcW w:w="2763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pct20" w:color="auto" w:fill="FFFFFF"/>
          </w:tcPr>
          <w:p w:rsidRPr="00245E8B" w:rsidR="00EC6E6D" w:rsidP="00245E8B" w:rsidRDefault="00EC6E6D" w14:paraId="04FCDE8C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color="auto" w:sz="4" w:space="0"/>
              <w:left w:val="nil"/>
              <w:bottom w:val="single" w:color="auto" w:sz="4" w:space="0"/>
              <w:right w:val="double" w:color="auto" w:sz="4" w:space="0"/>
            </w:tcBorders>
            <w:shd w:val="pct20" w:color="auto" w:fill="FFFFFF"/>
          </w:tcPr>
          <w:p w:rsidRPr="00245E8B" w:rsidR="00EC6E6D" w:rsidP="00245E8B" w:rsidRDefault="00EC6E6D" w14:paraId="73F244BF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Pr="00245E8B" w:rsidR="00EC6E6D" w:rsidTr="00F94A99" w14:paraId="08B799F1" w14:textId="77777777">
        <w:trPr>
          <w:trHeight w:val="567"/>
        </w:trPr>
        <w:tc>
          <w:tcPr>
            <w:tcW w:w="2763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Pr="00245E8B" w:rsidR="00EC6E6D" w:rsidP="00245E8B" w:rsidRDefault="00EC6E6D" w14:paraId="4850394A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control_items_control_item_nameX7" w:id="285"/>
            <w:bookmarkEnd w:id="285"/>
          </w:p>
        </w:tc>
        <w:tc>
          <w:tcPr>
            <w:tcW w:w="6592" w:type="dxa"/>
            <w:tcBorders>
              <w:top w:val="single" w:color="auto" w:sz="4" w:space="0"/>
              <w:left w:val="nil"/>
              <w:bottom w:val="double" w:color="auto" w:sz="4" w:space="0"/>
              <w:right w:val="double" w:color="auto" w:sz="4" w:space="0"/>
            </w:tcBorders>
          </w:tcPr>
          <w:p w:rsidRPr="00245E8B" w:rsidR="00EC6E6D" w:rsidP="00245E8B" w:rsidRDefault="00EC6E6D" w14:paraId="48B2A6D8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985101" w:rsidR="00EC6E6D" w:rsidP="00EC6E6D" w:rsidRDefault="00EC6E6D" w14:paraId="0699747E" w14:textId="77777777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Pr="00245E8B" w:rsidR="00EC6E6D" w:rsidTr="00F94A99" w14:paraId="372F28DF" w14:textId="77777777">
        <w:trPr>
          <w:cantSplit/>
          <w:trHeight w:val="284"/>
          <w:tblHeader/>
        </w:trPr>
        <w:tc>
          <w:tcPr>
            <w:tcW w:w="2763" w:type="dxa"/>
            <w:tcBorders>
              <w:top w:val="double" w:color="auto" w:sz="4" w:space="0"/>
              <w:left w:val="double" w:color="auto" w:sz="4" w:space="0"/>
              <w:bottom w:val="single" w:color="auto" w:sz="4" w:space="0"/>
              <w:right w:val="single" w:color="auto" w:sz="4" w:space="0"/>
            </w:tcBorders>
            <w:shd w:val="clear" w:color="auto" w:fill="B3B3B3"/>
          </w:tcPr>
          <w:p w:rsidRPr="00245E8B" w:rsidR="00EC6E6D" w:rsidP="00245E8B" w:rsidRDefault="00EC6E6D" w14:paraId="4816B341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color="auto" w:sz="4" w:space="0"/>
              <w:left w:val="nil"/>
              <w:bottom w:val="single" w:color="auto" w:sz="4" w:space="0"/>
              <w:right w:val="double" w:color="auto" w:sz="4" w:space="0"/>
            </w:tcBorders>
            <w:shd w:val="clear" w:color="auto" w:fill="B3B3B3"/>
          </w:tcPr>
          <w:p w:rsidRPr="00245E8B" w:rsidR="00EC6E6D" w:rsidP="00245E8B" w:rsidRDefault="00EC6E6D" w14:paraId="29E7A845" w14:textId="77777777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Pr="00245E8B" w:rsidR="00EC6E6D" w:rsidTr="00F94A99" w14:paraId="53FB8CBD" w14:textId="77777777">
        <w:trPr>
          <w:trHeight w:val="567"/>
        </w:trPr>
        <w:tc>
          <w:tcPr>
            <w:tcW w:w="2763" w:type="dxa"/>
            <w:tcBorders>
              <w:top w:val="single" w:color="auto" w:sz="4" w:space="0"/>
              <w:left w:val="double" w:color="auto" w:sz="4" w:space="0"/>
              <w:bottom w:val="double" w:color="auto" w:sz="4" w:space="0"/>
              <w:right w:val="single" w:color="auto" w:sz="4" w:space="0"/>
            </w:tcBorders>
          </w:tcPr>
          <w:p w:rsidRPr="00245E8B" w:rsidR="00EC6E6D" w:rsidP="00245E8B" w:rsidRDefault="00EC6E6D" w14:paraId="273FC9A1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name="ind_control_items_control_item_nameX11" w:id="286"/>
            <w:bookmarkEnd w:id="286"/>
          </w:p>
        </w:tc>
        <w:tc>
          <w:tcPr>
            <w:tcW w:w="6592" w:type="dxa"/>
            <w:tcBorders>
              <w:top w:val="single" w:color="auto" w:sz="4" w:space="0"/>
              <w:left w:val="nil"/>
              <w:bottom w:val="double" w:color="auto" w:sz="4" w:space="0"/>
              <w:right w:val="double" w:color="auto" w:sz="4" w:space="0"/>
            </w:tcBorders>
          </w:tcPr>
          <w:p w:rsidRPr="00245E8B" w:rsidR="00EC6E6D" w:rsidP="00245E8B" w:rsidRDefault="00EC6E6D" w14:paraId="5526FE6D" w14:textId="77777777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Pr="00F94A99" w:rsidR="00EC6E6D" w:rsidP="00EC6E6D" w:rsidRDefault="00EC6E6D" w14:paraId="74531323" w14:textId="77777777">
      <w:pPr>
        <w:rPr>
          <w:rFonts w:ascii="Arial" w:hAnsi="Arial" w:cs="Arial"/>
          <w:sz w:val="22"/>
          <w:szCs w:val="22"/>
        </w:rPr>
      </w:pPr>
    </w:p>
    <w:p w:rsidRPr="008426F8" w:rsidR="0025365D" w:rsidP="008426F8" w:rsidRDefault="0025365D" w14:paraId="321215CF" w14:textId="77777777"/>
    <w:sectPr w:rsidRPr="008426F8" w:rsidR="0025365D" w:rsidSect="008426F8">
      <w:footerReference w:type="default" r:id="rId7"/>
      <w:headerReference w:type="first" r:id="rId8"/>
      <w:footerReference w:type="first" r:id="rId9"/>
      <w:pgSz w:w="11907" w:h="16840" w:orient="portrait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:rsidR="00185E84" w:rsidRDefault="00185E84" w14:paraId="6DAFAB35" w14:textId="77777777">
      <w:r>
        <w:separator/>
      </w:r>
    </w:p>
  </w:endnote>
  <w:endnote w:type="continuationSeparator" w:id="0">
    <w:p w:rsidR="00185E84" w:rsidRDefault="00185E84" w14:paraId="6ECC76F1" w14:textId="7777777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a14="http://schemas.microsoft.com/office/drawing/2010/main" xmlns:pic="http://schemas.openxmlformats.org/drawingml/2006/picture" mc:Ignorable="w14 w15 w16se w16cid w16 w16cex w16sdtdh wp14">
  <w:p w:rsidR="00185E84" w:rsidP="00D931CC" w:rsidRDefault="00274D72" w14:paraId="3E94B3DD" w14:textId="77777777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Pr="00080AA0" w:rsidR="00185E84" w:rsidP="00656DFD" w:rsidRDefault="00185E84" w14:paraId="78D18F9D" w14:textId="77777777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 w14:anchorId="5DD2B774"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alt="textboxGrafikBundSide2" o:spid="_x0000_s1026" stroked="f" type="#_x0000_t20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>
              <v:fill opacity="0"/>
              <v:textbox>
                <w:txbxContent>
                  <w:p xmlns:wp14="http://schemas.microsoft.com/office/word/2010/wordml" w:rsidRPr="00080AA0" w:rsidR="00185E84" w:rsidP="00656DFD" w:rsidRDefault="00185E84" w14:paraId="672A6659" wp14:textId="77777777">
                    <w:r>
                      <w:rPr>
                        <w:noProof/>
                        <w:lang w:eastAsia="da-DK" w:bidi="ar-SA"/>
                      </w:rPr>
                      <w:drawing>
                        <wp:inline xmlns:wp14="http://schemas.microsoft.com/office/word/2010/wordprocessingDrawing" distT="0" distB="0" distL="0" distR="0" wp14:anchorId="7E55EBD2" wp14:editId="7777777">
                          <wp:extent cx="1277620" cy="389890"/>
                          <wp:effectExtent l="19050" t="0" r="0" b="0"/>
                          <wp:docPr id="1137286782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</w:r>
    <w:r w:rsidR="00185E84"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a14="http://schemas.microsoft.com/office/drawing/2010/main" xmlns:pic="http://schemas.openxmlformats.org/drawingml/2006/picture" mc:Ignorable="w14 w15 w16se w16cid w16 w16cex w16sdtdh wp14">
  <w:p w:rsidR="00185E84" w:rsidP="00042200" w:rsidRDefault="00185E84" w14:paraId="21339A64" w14:textId="77777777">
    <w:pPr>
      <w:pStyle w:val="Sidefod"/>
      <w:spacing w:after="0"/>
      <w:ind w:right="-1815"/>
      <w:rPr>
        <w:b/>
      </w:rPr>
    </w:pPr>
  </w:p>
  <w:p w:rsidRPr="00042200" w:rsidR="00185E84" w:rsidP="00042200" w:rsidRDefault="00274D72" w14:paraId="53B6A70C" w14:textId="77777777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Pr="00080AA0" w:rsidR="00185E84" w:rsidP="004817FD" w:rsidRDefault="00185E84" w14:paraId="24DDC63A" w14:textId="77777777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 w14:anchorId="3C2F2809"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alt="textboxGrafikBund" o:spid="_x0000_s1027" stroked="f" type="#_x0000_t20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>
              <v:fill opacity="0"/>
              <v:textbox>
                <w:txbxContent>
                  <w:p xmlns:wp14="http://schemas.microsoft.com/office/word/2010/wordml" w:rsidRPr="00080AA0" w:rsidR="00185E84" w:rsidP="004817FD" w:rsidRDefault="00185E84" w14:paraId="0A37501D" wp14:textId="77777777">
                    <w:r>
                      <w:rPr>
                        <w:noProof/>
                        <w:lang w:eastAsia="da-DK" w:bidi="ar-SA"/>
                      </w:rPr>
                      <w:drawing>
                        <wp:inline xmlns:wp14="http://schemas.microsoft.com/office/word/2010/wordprocessingDrawing" distT="0" distB="0" distL="0" distR="0" wp14:anchorId="1EEDC76E" wp14:editId="7777777">
                          <wp:extent cx="847725" cy="285750"/>
                          <wp:effectExtent l="19050" t="0" r="9525" b="0"/>
                          <wp:docPr id="156173581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:rsidR="00185E84" w:rsidRDefault="00185E84" w14:paraId="5044E2E4" w14:textId="77777777">
      <w:r>
        <w:separator/>
      </w:r>
    </w:p>
  </w:footnote>
  <w:footnote w:type="continuationSeparator" w:id="0">
    <w:p w:rsidR="00185E84" w:rsidRDefault="00185E84" w14:paraId="7837AFF5" w14:textId="7777777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pic="http://schemas.openxmlformats.org/drawingml/2006/picture" mc:Ignorable="w14 w15 w16se w16cid w16 w16cex w16sdtdh wp14">
  <w:p w:rsidR="00185E84" w:rsidP="00960A46" w:rsidRDefault="00185E84" w14:paraId="43AD751E" w14:textId="77777777">
    <w:pPr>
      <w:pStyle w:val="Sidehoved"/>
    </w:pPr>
  </w:p>
  <w:p w:rsidR="00185E84" w:rsidP="00960A46" w:rsidRDefault="00185E84" w14:paraId="7072E499" w14:textId="77777777">
    <w:pPr>
      <w:pStyle w:val="Sidehoved"/>
    </w:pPr>
  </w:p>
  <w:p w:rsidR="00185E84" w:rsidP="00185E84" w:rsidRDefault="00185E84" w14:paraId="02B8C695" w14:textId="7A0E9061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Pr="007A51DD" w:rsid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</w:r>
    <w:r w:rsidRPr="00C96C06">
      <w:rPr>
        <w:i/>
        <w:sz w:val="20"/>
        <w:szCs w:val="20"/>
      </w:rPr>
      <w:t>Stigsborg Brygge 5, 9400 Nørresundby</w:t>
    </w:r>
  </w:p>
  <w:p w:rsidRPr="00C96C06" w:rsidR="00185E84" w:rsidP="00C96C06" w:rsidRDefault="00185E84" w14:paraId="05A7057E" w14:textId="77777777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hint="default" w:ascii="Symbol" w:hAnsi="Symbol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hint="default" w:ascii="Symbol" w:hAnsi="Symbol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hint="default" w:ascii="Symbol" w:hAnsi="Symbol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hint="default" w:ascii="Symbol" w:hAnsi="Symbol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num w:numId="1" w16cid:durableId="56445092">
    <w:abstractNumId w:val="11"/>
  </w:num>
  <w:num w:numId="2" w16cid:durableId="285737812">
    <w:abstractNumId w:val="8"/>
  </w:num>
  <w:num w:numId="3" w16cid:durableId="1614752332">
    <w:abstractNumId w:val="10"/>
  </w:num>
  <w:num w:numId="4" w16cid:durableId="1069690132">
    <w:abstractNumId w:val="9"/>
  </w:num>
  <w:num w:numId="5" w16cid:durableId="1066807098">
    <w:abstractNumId w:val="7"/>
  </w:num>
  <w:num w:numId="6" w16cid:durableId="1799493146">
    <w:abstractNumId w:val="6"/>
  </w:num>
  <w:num w:numId="7" w16cid:durableId="2126655885">
    <w:abstractNumId w:val="5"/>
  </w:num>
  <w:num w:numId="8" w16cid:durableId="2071616242">
    <w:abstractNumId w:val="4"/>
  </w:num>
  <w:num w:numId="9" w16cid:durableId="313877957">
    <w:abstractNumId w:val="3"/>
  </w:num>
  <w:num w:numId="10" w16cid:durableId="1934047421">
    <w:abstractNumId w:val="2"/>
  </w:num>
  <w:num w:numId="11" w16cid:durableId="1857185397">
    <w:abstractNumId w:val="1"/>
  </w:num>
  <w:num w:numId="12" w16cid:durableId="2139447260">
    <w:abstractNumId w:val="0"/>
  </w:num>
  <w:num w:numId="13" w16cid:durableId="268583665">
    <w:abstractNumId w:val="10"/>
  </w:num>
  <w:num w:numId="14" w16cid:durableId="1444959615">
    <w:abstractNumId w:val="10"/>
  </w:num>
</w:numbering>
</file>

<file path=word/settings.xml><?xml version="1.0" encoding="utf-8"?>
<w:settings xmlns:wp14="http://schemas.microsoft.com/office/word/2010/wordprocessingDrawing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p14">
  <w:zoom w:percent="100"/>
  <w:embedSystemFonts/>
  <w:proofState w:spelling="clean" w:grammar="dirty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trackRevisions w:val="false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3489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890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94F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B52E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5B5D"/>
    <w:rsid w:val="005405D6"/>
    <w:rsid w:val="00543377"/>
    <w:rsid w:val="00545D81"/>
    <w:rsid w:val="005465BB"/>
    <w:rsid w:val="00546690"/>
    <w:rsid w:val="00552C23"/>
    <w:rsid w:val="005568C2"/>
    <w:rsid w:val="0056163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97336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02B2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34A2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  <w:rsid w:val="037C79A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3489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wp14="http://schemas.microsoft.com/office/word/2010/wordprocessingDrawing"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 wp14">
  <w:docDefaults>
    <w:rPrDefault>
      <w:rPr>
        <w:rFonts w:asciiTheme="minorHAnsi" w:hAnsiTheme="minorHAnsi" w:eastAsiaTheme="minorEastAsia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uiPriority="9" w:semiHidden="1" w:unhideWhenUsed="1" w:qFormat="1"/>
    <w:lsdException w:name="heading 8" w:uiPriority="9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uiPriority="99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uiPriority="99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uiPriority="99" w:semiHidden="1" w:unhideWhenUsed="1"/>
    <w:lsdException w:name="Smart Hyperlink" w:uiPriority="99" w:semiHidden="1" w:unhideWhenUsed="1"/>
    <w:lsdException w:name="Hashtag" w:uiPriority="99" w:semiHidden="1" w:unhideWhenUsed="1"/>
    <w:lsdException w:name="Unresolved Mention" w:uiPriority="99" w:semiHidden="1" w:unhideWhenUsed="1"/>
    <w:lsdException w:name="Smart Link" w:uiPriority="99" w:semiHidden="1" w:unhideWhenUsed="1"/>
  </w:latentStyles>
  <w:style w:type="paragraph" w:styleId="Normal" w:default="1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hAnsiTheme="majorHAnsi" w:eastAsiaTheme="majorEastAsia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hAnsiTheme="majorHAnsi" w:eastAsiaTheme="majorEastAsia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hAnsiTheme="majorHAnsi" w:eastAsiaTheme="majorEastAsia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hAnsiTheme="majorHAnsi" w:eastAsiaTheme="majorEastAsia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hAnsiTheme="majorHAnsi" w:eastAsiaTheme="majorEastAsia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hAnsiTheme="majorHAnsi" w:eastAsiaTheme="majorEastAsia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hAnsiTheme="majorHAnsi" w:eastAsiaTheme="majorEastAsia" w:cstheme="majorBidi"/>
      <w:i/>
      <w:iCs/>
      <w:spacing w:val="5"/>
      <w:sz w:val="20"/>
      <w:szCs w:val="20"/>
    </w:rPr>
  </w:style>
  <w:style w:type="character" w:styleId="Standardskrifttypeiafsnit" w:default="1">
    <w:name w:val="Default Paragraph Font"/>
    <w:uiPriority w:val="1"/>
    <w:semiHidden/>
    <w:unhideWhenUsed/>
  </w:style>
  <w:style w:type="table" w:styleId="Tabel-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Ingenoversigt" w:default="1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styleId="Krav" w:customStyle="1">
    <w:name w:val="Krav"/>
    <w:basedOn w:val="Normal"/>
    <w:rsid w:val="008E77E5"/>
    <w:pPr>
      <w:spacing w:before="120"/>
      <w:ind w:left="851" w:hanging="851"/>
    </w:pPr>
  </w:style>
  <w:style w:type="paragraph" w:styleId="Hovedoverskrift" w:customStyle="1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color="auto" w:sz="0" w:space="0"/>
      <w:shd w:val="clear" w:color="auto" w:fill="auto"/>
    </w:rPr>
  </w:style>
  <w:style w:type="character" w:styleId="Overskrift1Tegn" w:customStyle="1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styleId="Overskrift2Tegn" w:customStyle="1">
    <w:name w:val="Overskrift 2 Tegn"/>
    <w:basedOn w:val="Standardskrifttypeiafsnit"/>
    <w:link w:val="Overskrift2"/>
    <w:rsid w:val="00C674BE"/>
    <w:rPr>
      <w:rFonts w:asciiTheme="majorHAnsi" w:hAnsiTheme="majorHAnsi" w:eastAsiaTheme="majorEastAsia" w:cstheme="majorBidi"/>
      <w:b/>
      <w:bCs/>
      <w:sz w:val="26"/>
      <w:szCs w:val="26"/>
      <w:lang w:val="da-DK"/>
    </w:rPr>
  </w:style>
  <w:style w:type="character" w:styleId="Overskrift3Tegn" w:customStyle="1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styleId="Overskrift4Tegn" w:customStyle="1">
    <w:name w:val="Overskrift 4 Tegn"/>
    <w:basedOn w:val="Standardskrifttypeiafsnit"/>
    <w:link w:val="Overskrift4"/>
    <w:uiPriority w:val="9"/>
    <w:rsid w:val="00C674BE"/>
    <w:rPr>
      <w:rFonts w:asciiTheme="majorHAnsi" w:hAnsiTheme="majorHAnsi" w:eastAsiaTheme="majorEastAsia" w:cstheme="majorBidi"/>
      <w:b/>
      <w:bCs/>
      <w:i/>
      <w:iCs/>
      <w:lang w:val="da-DK"/>
    </w:rPr>
  </w:style>
  <w:style w:type="character" w:styleId="Overskrift5Tegn" w:customStyle="1">
    <w:name w:val="Overskrift 5 Tegn"/>
    <w:basedOn w:val="Standardskrifttypeiafsnit"/>
    <w:link w:val="Overskrift5"/>
    <w:uiPriority w:val="9"/>
    <w:rsid w:val="00C674BE"/>
    <w:rPr>
      <w:rFonts w:asciiTheme="majorHAnsi" w:hAnsiTheme="majorHAnsi" w:eastAsiaTheme="majorEastAsia" w:cstheme="majorBidi"/>
      <w:b/>
      <w:bCs/>
      <w:color w:val="7F7F7F" w:themeColor="text1" w:themeTint="80"/>
      <w:lang w:val="da-DK"/>
    </w:rPr>
  </w:style>
  <w:style w:type="character" w:styleId="Overskrift6Tegn" w:customStyle="1">
    <w:name w:val="Overskrift 6 Tegn"/>
    <w:basedOn w:val="Standardskrifttypeiafsnit"/>
    <w:link w:val="Overskrift6"/>
    <w:uiPriority w:val="9"/>
    <w:rsid w:val="00C674BE"/>
    <w:rPr>
      <w:rFonts w:asciiTheme="majorHAnsi" w:hAnsiTheme="majorHAnsi" w:eastAsiaTheme="majorEastAsia" w:cstheme="majorBidi"/>
      <w:b/>
      <w:bCs/>
      <w:i/>
      <w:iCs/>
      <w:color w:val="7F7F7F" w:themeColor="text1" w:themeTint="80"/>
      <w:lang w:val="da-DK"/>
    </w:rPr>
  </w:style>
  <w:style w:type="character" w:styleId="Overskrift7Tegn" w:customStyle="1">
    <w:name w:val="Overskrift 7 Tegn"/>
    <w:basedOn w:val="Standardskrifttypeiafsnit"/>
    <w:link w:val="Overskrift7"/>
    <w:uiPriority w:val="9"/>
    <w:rsid w:val="00C674BE"/>
    <w:rPr>
      <w:rFonts w:asciiTheme="majorHAnsi" w:hAnsiTheme="majorHAnsi" w:eastAsiaTheme="majorEastAsia" w:cstheme="majorBidi"/>
      <w:i/>
      <w:iCs/>
      <w:lang w:val="da-DK"/>
    </w:rPr>
  </w:style>
  <w:style w:type="character" w:styleId="Overskrift8Tegn" w:customStyle="1">
    <w:name w:val="Overskrift 8 Tegn"/>
    <w:basedOn w:val="Standardskrifttypeiafsnit"/>
    <w:link w:val="Overskrift8"/>
    <w:uiPriority w:val="9"/>
    <w:rsid w:val="00C674BE"/>
    <w:rPr>
      <w:rFonts w:asciiTheme="majorHAnsi" w:hAnsiTheme="majorHAnsi" w:eastAsiaTheme="majorEastAsia" w:cstheme="majorBidi"/>
      <w:sz w:val="20"/>
      <w:szCs w:val="20"/>
      <w:lang w:val="da-DK"/>
    </w:rPr>
  </w:style>
  <w:style w:type="character" w:styleId="Overskrift9Tegn" w:customStyle="1">
    <w:name w:val="Overskrift 9 Tegn"/>
    <w:basedOn w:val="Standardskrifttypeiafsnit"/>
    <w:link w:val="Overskrift9"/>
    <w:uiPriority w:val="9"/>
    <w:rsid w:val="00C674BE"/>
    <w:rPr>
      <w:rFonts w:asciiTheme="majorHAnsi" w:hAnsiTheme="majorHAnsi" w:eastAsiaTheme="majorEastAsia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hAnsiTheme="majorHAnsi" w:eastAsiaTheme="majorEastAsia" w:cstheme="majorBidi"/>
      <w:b/>
      <w:spacing w:val="5"/>
      <w:sz w:val="52"/>
      <w:szCs w:val="52"/>
    </w:rPr>
  </w:style>
  <w:style w:type="character" w:styleId="TitelTegn" w:customStyle="1">
    <w:name w:val="Titel Tegn"/>
    <w:basedOn w:val="Standardskrifttypeiafsnit"/>
    <w:link w:val="Titel"/>
    <w:uiPriority w:val="29"/>
    <w:rsid w:val="00C674BE"/>
    <w:rPr>
      <w:rFonts w:asciiTheme="majorHAnsi" w:hAnsiTheme="majorHAnsi" w:eastAsiaTheme="majorEastAsia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hAnsiTheme="majorHAnsi" w:eastAsiaTheme="majorEastAsia" w:cstheme="majorBidi"/>
      <w:iCs/>
      <w:spacing w:val="13"/>
    </w:rPr>
  </w:style>
  <w:style w:type="character" w:styleId="UndertitelTegn" w:customStyle="1">
    <w:name w:val="Undertitel Tegn"/>
    <w:basedOn w:val="Standardskrifttypeiafsnit"/>
    <w:link w:val="Undertitel"/>
    <w:uiPriority w:val="30"/>
    <w:rsid w:val="00C674BE"/>
    <w:rPr>
      <w:rFonts w:asciiTheme="majorHAnsi" w:hAnsiTheme="majorHAnsi" w:eastAsiaTheme="majorEastAsia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styleId="CitatTegn" w:customStyle="1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color="auto" w:sz="4" w:space="1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styleId="StrktcitatTegn" w:customStyle="1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color="auto" w:sz="0" w:space="0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styleId="Skabelonoverskrift" w:customStyle="1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styleId="SkabelonoverskriftTegn" w:customStyle="1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styleId="DagsordenReferat-Tekst" w:customStyle="1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styleId="DagsordenReferat-TekstTegn" w:customStyle="1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styleId="DagsordenReferat-Opstilling" w:customStyle="1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styleId="Modtagere" w:customStyle="1">
    <w:name w:val="Modtagere"/>
    <w:basedOn w:val="Normal"/>
    <w:uiPriority w:val="39"/>
    <w:qFormat/>
    <w:rsid w:val="00C674BE"/>
    <w:pPr>
      <w:spacing w:after="0"/>
      <w:contextualSpacing/>
    </w:pPr>
  </w:style>
  <w:style w:type="paragraph" w:styleId="AakSkabelonOverskrift" w:customStyle="1">
    <w:name w:val="AakSkabelonOverskrift"/>
    <w:basedOn w:val="Skabelonoverskrift"/>
    <w:rsid w:val="002B207A"/>
  </w:style>
  <w:style w:type="paragraph" w:styleId="abcTest" w:customStyle="1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header" Target="header1.xml" Id="rId8" /><Relationship Type="http://schemas.openxmlformats.org/officeDocument/2006/relationships/customXml" Target="../customXml/item2.xml" Id="rId13" /><Relationship Type="http://schemas.openxmlformats.org/officeDocument/2006/relationships/settings" Target="settings.xml" Id="rId3" /><Relationship Type="http://schemas.openxmlformats.org/officeDocument/2006/relationships/footer" Target="footer1.xml" Id="rId7" /><Relationship Type="http://schemas.openxmlformats.org/officeDocument/2006/relationships/customXml" Target="../customXml/item1.xml" Id="rId12" /><Relationship Type="http://schemas.openxmlformats.org/officeDocument/2006/relationships/styles" Target="styles.xml" Id="rId2" /><Relationship Type="http://schemas.openxmlformats.org/officeDocument/2006/relationships/numbering" Target="numbering.xml" Id="rId1" /><Relationship Type="http://schemas.openxmlformats.org/officeDocument/2006/relationships/endnotes" Target="endnotes.xml" Id="rId6" /><Relationship Type="http://schemas.openxmlformats.org/officeDocument/2006/relationships/theme" Target="theme/theme1.xml" Id="rId11" /><Relationship Type="http://schemas.openxmlformats.org/officeDocument/2006/relationships/footnotes" Target="footnotes.xml" Id="rId5" /><Relationship Type="http://schemas.openxmlformats.org/officeDocument/2006/relationships/fontTable" Target="fontTable.xml" Id="rId10" /><Relationship Type="http://schemas.openxmlformats.org/officeDocument/2006/relationships/webSettings" Target="webSettings.xml" Id="rId4" /><Relationship Type="http://schemas.openxmlformats.org/officeDocument/2006/relationships/footer" Target="footer2.xml" Id="rId9" /><Relationship Type="http://schemas.openxmlformats.org/officeDocument/2006/relationships/customXml" Target="../customXml/item3.xml" Id="rId14" 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B3BF9BEAC586DE4F8BF365F17E00181B" ma:contentTypeVersion="12" ma:contentTypeDescription="Opret et nyt dokument." ma:contentTypeScope="" ma:versionID="79ab99a72425668959fd38ffad2c5a34">
  <xsd:schema xmlns:xsd="http://www.w3.org/2001/XMLSchema" xmlns:xs="http://www.w3.org/2001/XMLSchema" xmlns:p="http://schemas.microsoft.com/office/2006/metadata/properties" xmlns:ns2="3e09a412-cb3c-494b-8dcb-765ef1a19895" targetNamespace="http://schemas.microsoft.com/office/2006/metadata/properties" ma:root="true" ma:fieldsID="3d15e9060121839881acf5094927ef9e" ns2:_="">
    <xsd:import namespace="3e09a412-cb3c-494b-8dcb-765ef1a19895"/>
    <xsd:element name="properties">
      <xsd:complexType>
        <xsd:sequence>
          <xsd:element name="documentManagement">
            <xsd:complexType>
              <xsd:all>
                <xsd:element ref="ns2:Bem_x00e6_rkning" minOccurs="0"/>
                <xsd:element ref="ns2:Test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e09a412-cb3c-494b-8dcb-765ef1a19895" elementFormDefault="qualified">
    <xsd:import namespace="http://schemas.microsoft.com/office/2006/documentManagement/types"/>
    <xsd:import namespace="http://schemas.microsoft.com/office/infopath/2007/PartnerControls"/>
    <xsd:element name="Bem_x00e6_rkning" ma:index="2" nillable="true" ma:displayName="Bemærkning" ma:description="Evt. bemærkninger til dokument" ma:format="Dropdown" ma:internalName="Bem_x00e6_rkning" ma:readOnly="false">
      <xsd:simpleType>
        <xsd:restriction base="dms:Text">
          <xsd:maxLength value="255"/>
        </xsd:restriction>
      </xsd:simpleType>
    </xsd:element>
    <xsd:element name="Test" ma:index="3" nillable="true" ma:displayName="Test" ma:format="Dropdown" ma:internalName="Test" ma:readOnly="false">
      <xsd:simpleType>
        <xsd:restriction base="dms:Choice">
          <xsd:enumeration value="Udkast til rapport"/>
          <xsd:enumeration value="Varslingsbrev"/>
          <xsd:enumeration value="Brev"/>
        </xsd:restriction>
      </xsd:simple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hidden="true" ma:internalName="MediaServiceAutoTags" ma:readOnly="true">
      <xsd:simpleType>
        <xsd:restriction base="dms:Text"/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SearchProperties" ma:index="1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5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Indholdstype"/>
        <xsd:element ref="dc:title" minOccurs="0" maxOccurs="1" ma:index="1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st xmlns="3e09a412-cb3c-494b-8dcb-765ef1a19895" xsi:nil="true"/>
    <Bem_x00e6_rkning xmlns="3e09a412-cb3c-494b-8dcb-765ef1a19895" xsi:nil="true"/>
  </documentManagement>
</p:properties>
</file>

<file path=customXml/itemProps1.xml><?xml version="1.0" encoding="utf-8"?>
<ds:datastoreItem xmlns:ds="http://schemas.openxmlformats.org/officeDocument/2006/customXml" ds:itemID="{1A00C6E2-9106-40B8-94A1-FC830CC56F87}"/>
</file>

<file path=customXml/itemProps2.xml><?xml version="1.0" encoding="utf-8"?>
<ds:datastoreItem xmlns:ds="http://schemas.openxmlformats.org/officeDocument/2006/customXml" ds:itemID="{CBFB0479-7D47-42B9-82E9-0AEC33BE0D3F}"/>
</file>

<file path=customXml/itemProps3.xml><?xml version="1.0" encoding="utf-8"?>
<ds:datastoreItem xmlns:ds="http://schemas.openxmlformats.org/officeDocument/2006/customXml" ds:itemID="{D54046E4-B49D-4DAD-8781-1397EC78F389}"/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AakTomt</ap:Template>
  <ap:Application>Microsoft Word for the web</ap:Application>
  <ap:DocSecurity>0</ap:DocSecurity>
  <ap:ScaleCrop>false</ap:ScaleCrop>
  <ap:Company>Aalborg Kommune</ap:Company>
  <ap:SharedDoc>false</ap:SharedDoc>
  <ap:HyperlinksChanged>false</ap:HyperlinksChanged>
  <ap:AppVersion>16.0000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creator>Anna Marie Dam</dc:creator>
  <lastModifiedBy>Frederik Bols Thomsen</lastModifiedBy>
  <revision>4</revision>
  <lastPrinted>2010-03-04T09:12:00.0000000Z</lastPrinted>
  <dcterms:created xsi:type="dcterms:W3CDTF">2025-03-07T10:05:00.0000000Z</dcterms:created>
  <dcterms:modified xsi:type="dcterms:W3CDTF">2025-05-14T11:59:54.6874044Z</dcterms:modified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3BF9BEAC586DE4F8BF365F17E00181B</vt:lpwstr>
  </property>
</Properties>
</file>